
<file path=[Content_Types].xml><?xml version="1.0" encoding="utf-8"?>
<Types xmlns="http://schemas.openxmlformats.org/package/2006/content-types">
  <Default Extension="png" ContentType="image/png"/>
  <Default Extension="svg" ContentType="image/svg+xml"/>
  <Default Extension="emf" ContentType="image/x-emf"/>
  <Default Extension="rels" ContentType="application/vnd.openxmlformats-package.relationships+xml"/>
  <Default Extension="xml" ContentType="application/xml"/>
  <Default Extension="gif" ContentType="image/gif"/>
  <Default Extension="jpg" ContentType="image/jpeg"/>
  <Override PartName="/ppt/presentation.xml" ContentType="application/vnd.openxmlformats-officedocument.presentationml.presentation.main+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Masters/slideMaster1.xml" ContentType="application/vnd.openxmlformats-officedocument.presentationml.slideMaster+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charts/colors7.xml" ContentType="application/vnd.ms-office.chartcolorstyle+xml"/>
  <Override PartName="/ppt/charts/chart1.xml" ContentType="application/vnd.openxmlformats-officedocument.drawingml.chart+xml"/>
  <Override PartName="/ppt/theme/themeOverride1.xml" ContentType="application/vnd.openxmlformats-officedocument.themeOverride+xml"/>
  <Override PartName="/ppt/notesMasters/notesMaster1.xml" ContentType="application/vnd.openxmlformats-officedocument.presentationml.notesMaster+xml"/>
  <Override PartName="/ppt/theme/theme2.xml" ContentType="application/vnd.openxmlformats-officedocument.theme+xml"/>
  <Override PartName="/ppt/theme/theme1.xml" ContentType="application/vnd.openxmlformats-officedocument.theme+xml"/>
  <Override PartName="/ppt/charts/chart3.xml" ContentType="application/vnd.openxmlformats-officedocument.drawingml.chart+xml"/>
  <Override PartName="/ppt/charts/style2.xml" ContentType="application/vnd.ms-office.chartstyle+xml"/>
  <Override PartName="/ppt/charts/colors2.xml" ContentType="application/vnd.ms-office.chartcolorstyle+xml"/>
  <Override PartName="/ppt/charts/chart4.xml" ContentType="application/vnd.openxmlformats-officedocument.drawingml.chart+xml"/>
  <Override PartName="/ppt/charts/style3.xml" ContentType="application/vnd.ms-office.chartstyle+xml"/>
  <Override PartName="/ppt/charts/colors3.xml" ContentType="application/vnd.ms-office.chartcolorstyle+xml"/>
  <Override PartName="/ppt/charts/chart5.xml" ContentType="application/vnd.openxmlformats-officedocument.drawingml.chart+xml"/>
  <Override PartName="/ppt/charts/style4.xml" ContentType="application/vnd.ms-office.chartstyle+xml"/>
  <Override PartName="/ppt/charts/colors4.xml" ContentType="application/vnd.ms-office.chartcolorstyle+xml"/>
  <Override PartName="/ppt/charts/chart2.xml" ContentType="application/vnd.openxmlformats-officedocument.drawingml.chart+xml"/>
  <Override PartName="/ppt/charts/chart6.xml" ContentType="application/vnd.openxmlformats-officedocument.drawingml.chart+xml"/>
  <Override PartName="/ppt/charts/style5.xml" ContentType="application/vnd.ms-office.chartstyle+xml"/>
  <Override PartName="/ppt/charts/colors5.xml" ContentType="application/vnd.ms-office.chartcolorstyle+xml"/>
  <Override PartName="/ppt/charts/style1.xml" ContentType="application/vnd.ms-office.chartstyle+xml"/>
  <Override PartName="/ppt/charts/chart7.xml" ContentType="application/vnd.openxmlformats-officedocument.drawingml.chart+xml"/>
  <Override PartName="/ppt/charts/style6.xml" ContentType="application/vnd.ms-office.chartstyle+xml"/>
  <Override PartName="/ppt/charts/colors6.xml" ContentType="application/vnd.ms-office.chartcolorstyle+xml"/>
  <Override PartName="/ppt/charts/colors1.xml" ContentType="application/vnd.ms-office.chartcolorstyle+xml"/>
  <Override PartName="/ppt/charts/chart8.xml" ContentType="application/vnd.openxmlformats-officedocument.drawingml.chart+xml"/>
  <Override PartName="/ppt/charts/style7.xml" ContentType="application/vnd.ms-office.chartstyle+xml"/>
  <Override PartName="/ppt/presProps.xml" ContentType="application/vnd.openxmlformats-officedocument.presentationml.presProps+xml"/>
  <Override PartName="/ppt/viewProps.xml" ContentType="application/vnd.openxmlformats-officedocument.presentationml.viewProps+xml"/>
  <Override PartName="/ppt/tableStyles.xml" ContentType="application/vnd.openxmlformats-officedocument.presentationml.tableStyl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xml" ContentType="application/vnd.openxmlformats-officedocument.customXmlProperties+xml"/>
  <Override PartName="/customXml/itemProps2.xml" ContentType="application/vnd.openxmlformats-officedocument.customXmlProperties+xml"/>
  <Override PartName="/customXml/itemProps7.xml" ContentType="application/vnd.openxmlformats-officedocument.customXmlProperties+xml"/>
  <Override PartName="/docProps/app.xml" ContentType="application/vnd.openxmlformats-officedocument.extended-properties+xml"/>
  <Override PartName="/docProps/custom.xml" ContentType="application/vnd.openxmlformats-officedocument.custom-properties+xml"/>
  <Override PartName="/docProps/core.xml" ContentType="application/vnd.openxmlformats-package.core-properties+xml"/>
  <Override PartName="/customXml/itemProps11.xml" ContentType="application/vnd.openxmlformats-officedocument.customXml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11"/>
  </p:sldMasterIdLst>
  <p:notesMasterIdLst>
    <p:notesMasterId r:id="rId24"/>
  </p:notesMasterIdLst>
  <p:sldIdLst>
    <p:sldId id="366" r:id="rId12"/>
    <p:sldId id="2053842483" r:id="rId13"/>
    <p:sldId id="354" r:id="rId14"/>
    <p:sldId id="2053842487" r:id="rId15"/>
    <p:sldId id="2053842486" r:id="rId16"/>
    <p:sldId id="2053842489" r:id="rId17"/>
    <p:sldId id="2053842488" r:id="rId18"/>
    <p:sldId id="382" r:id="rId19"/>
    <p:sldId id="2053842408" r:id="rId20"/>
    <p:sldId id="2053842484" r:id="rId21"/>
    <p:sldId id="2053842406" r:id="rId22"/>
    <p:sldId id="2053842411" r:id="rId2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0817EA92-75D0-4044-A80A-286907CE0DDB}" styleName="Custom Table Style">
    <a:wholeTbl>
      <a:tcTxStyle>
        <a:fontRef idx="minor">
          <a:prstClr val="black"/>
        </a:fontRef>
        <a:schemeClr val="dk1"/>
      </a:tcTxStyle>
      <a:tcStyle>
        <a:tcBdr>
          <a:left>
            <a:ln w="0" cmpd="sng">
              <a:solidFill>
                <a:schemeClr val="bg1"/>
              </a:solidFill>
            </a:ln>
          </a:left>
          <a:right>
            <a:ln w="0" cmpd="sng">
              <a:solidFill>
                <a:schemeClr val="bg1"/>
              </a:solidFill>
            </a:ln>
          </a:right>
          <a:top>
            <a:ln w="28575" cmpd="sng">
              <a:solidFill>
                <a:schemeClr val="dk1"/>
              </a:solidFill>
            </a:ln>
          </a:top>
          <a:bottom>
            <a:ln w="0" cmpd="sng">
              <a:solidFill>
                <a:schemeClr val="bg1"/>
              </a:solidFill>
            </a:ln>
          </a:bottom>
          <a:insideH>
            <a:ln w="0" cmpd="sng">
              <a:solidFill>
                <a:schemeClr val="bg1"/>
              </a:solidFill>
            </a:ln>
          </a:insideH>
          <a:insideV>
            <a:ln w="0" cmpd="sng">
              <a:solidFill>
                <a:schemeClr val="bg1"/>
              </a:solidFill>
            </a:ln>
          </a:insideV>
        </a:tcBdr>
        <a:fill>
          <a:solidFill>
            <a:srgbClr val="FFFFFF"/>
          </a:solidFill>
        </a:fill>
      </a:tcStyle>
    </a:wholeTbl>
    <a:band1H>
      <a:tcStyle>
        <a:tcBdr/>
        <a:fill>
          <a:solidFill>
            <a:schemeClr val="accent6"/>
          </a:solidFill>
        </a:fill>
      </a:tcStyle>
    </a:band1H>
    <a:band2H>
      <a:tcStyle>
        <a:tcBdr/>
      </a:tcStyle>
    </a:band2H>
    <a:band1V>
      <a:tcStyle>
        <a:tcBdr/>
        <a:fill>
          <a:solidFill>
            <a:srgbClr val="FFFFFF"/>
          </a:solidFill>
        </a:fill>
      </a:tcStyle>
    </a:band1V>
    <a:band2V>
      <a:tcStyle>
        <a:tcBdr/>
      </a:tcStyle>
    </a:band2V>
    <a:lastCol>
      <a:tcTxStyle>
        <a:fontRef idx="minor">
          <a:prstClr val="black"/>
        </a:fontRef>
        <a:schemeClr val="dk1"/>
      </a:tcTxStyle>
      <a:tcStyle>
        <a:tcBdr/>
        <a:fill>
          <a:solidFill>
            <a:srgbClr val="FFFFFF"/>
          </a:solidFill>
        </a:fill>
      </a:tcStyle>
    </a:lastCol>
    <a:firstCol>
      <a:tcTxStyle>
        <a:fontRef idx="minor">
          <a:prstClr val="black"/>
        </a:fontRef>
        <a:schemeClr val="dk1"/>
      </a:tcTxStyle>
      <a:tcStyle>
        <a:tcBdr/>
        <a:fill>
          <a:solidFill>
            <a:srgbClr val="FFFFFF"/>
          </a:solidFill>
        </a:fill>
      </a:tcStyle>
    </a:firstCol>
    <a:lastRow>
      <a:tcTxStyle>
        <a:fontRef idx="minor">
          <a:prstClr val="black"/>
        </a:fontRef>
        <a:schemeClr val="dk1"/>
      </a:tcTxStyle>
      <a:tcStyle>
        <a:tcBdr>
          <a:top>
            <a:ln w="0" cmpd="sng">
              <a:solidFill>
                <a:schemeClr val="lt1"/>
              </a:solidFill>
            </a:ln>
          </a:top>
        </a:tcBdr>
        <a:fill>
          <a:solidFill>
            <a:srgbClr val="FFFFFF"/>
          </a:solidFill>
        </a:fill>
      </a:tcStyle>
    </a:lastRow>
    <a:firstRow>
      <a:tcTxStyle>
        <a:fontRef idx="minor">
          <a:prstClr val="black"/>
        </a:fontRef>
        <a:schemeClr val="dk1"/>
      </a:tcTxStyle>
      <a:tcStyle>
        <a:tcBdr>
          <a:bottom>
            <a:ln w="0" cmpd="sng">
              <a:solidFill>
                <a:schemeClr val="lt1"/>
              </a:solidFill>
            </a:ln>
          </a:bottom>
        </a:tcBdr>
        <a:fill>
          <a:solidFill>
            <a:schemeClr val="lt1"/>
          </a:solidFill>
        </a:fill>
      </a:tcStyle>
    </a:firstRow>
  </a:tblStyl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10A1B5D5-9B99-4C35-A422-299274C87663}" styleName="Medium Style 1 - Acc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a:noFill/>
            </a:ln>
          </a:insideV>
        </a:tcBdr>
        <a:fill>
          <a:solidFill>
            <a:schemeClr val="lt1"/>
          </a:solidFill>
        </a:fill>
      </a:tcStyle>
    </a:wholeTbl>
    <a:band1H>
      <a:tcStyle>
        <a:tcBdr/>
        <a:fill>
          <a:solidFill>
            <a:schemeClr val="accent6">
              <a:tint val="20000"/>
            </a:schemeClr>
          </a:solidFill>
        </a:fill>
      </a:tcStyle>
    </a:band1H>
    <a:band1V>
      <a:tcStyle>
        <a:tcBdr/>
        <a:fill>
          <a:solidFill>
            <a:schemeClr val="accent6">
              <a:tint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solidFill>
            <a:schemeClr val="lt1"/>
          </a:solidFill>
        </a:fill>
      </a:tcStyle>
    </a:lastRow>
    <a:firstRow>
      <a:tcTxStyle b="on">
        <a:fontRef idx="minor">
          <a:scrgbClr r="0" g="0" b="0"/>
        </a:fontRef>
        <a:schemeClr val="lt1"/>
      </a:tcTxStyle>
      <a:tcStyle>
        <a:tcBdr/>
        <a:fill>
          <a:solidFill>
            <a:schemeClr val="accent6"/>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9979" autoAdjust="0"/>
    <p:restoredTop sz="94796" autoAdjust="0"/>
  </p:normalViewPr>
  <p:slideViewPr>
    <p:cSldViewPr snapToGrid="0" showGuides="1">
      <p:cViewPr varScale="1">
        <p:scale>
          <a:sx n="75" d="100"/>
          <a:sy n="75" d="100"/>
        </p:scale>
        <p:origin x="64" y="80"/>
      </p:cViewPr>
      <p:guideLst/>
    </p:cSldViewPr>
  </p:slideViewPr>
  <p:outlineViewPr>
    <p:cViewPr>
      <p:scale>
        <a:sx n="33" d="100"/>
        <a:sy n="33" d="100"/>
      </p:scale>
      <p:origin x="0" y="0"/>
    </p:cViewPr>
  </p:outlineViewPr>
  <p:notesTextViewPr>
    <p:cViewPr>
      <p:scale>
        <a:sx n="100" d="100"/>
        <a:sy n="100" d="100"/>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0.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customXml" Target="../customXml/item1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slide" Target="slides/slide8.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theme" Target="theme/theme1.xml"/></Relationships>
</file>

<file path=ppt/charts/_rels/chart1.xml.rels><?xml version="1.0" encoding="UTF-8" standalone="yes"?>
<Relationships xmlns="http://schemas.openxmlformats.org/package/2006/relationships"><Relationship Id="rId1" Type="http://schemas.openxmlformats.org/officeDocument/2006/relationships/oleObject" Target="file:///C:\Users\GBANSHA\Documents\ABB_Projects\ABBRefCases\H2-21\CO2\H2-2021%20EU%20ETS%20forecast_v2.xlsx" TargetMode="External"/></Relationships>
</file>

<file path=ppt/charts/_rels/chart2.xml.rels><?xml version="1.0" encoding="UTF-8" standalone="yes"?>
<Relationships xmlns="http://schemas.openxmlformats.org/package/2006/relationships"><Relationship Id="rId3" Type="http://schemas.openxmlformats.org/officeDocument/2006/relationships/oleObject" Target="file:///C:\Users\GBANSHA\Documents\ABB_Projects\ABBRefCases\H2-21\CO2\Sensitivity%20CO2.xlsx" TargetMode="External"/><Relationship Id="rId2" Type="http://schemas.microsoft.com/office/2011/relationships/chartColorStyle" Target="colors1.xml"/><Relationship Id="rId1" Type="http://schemas.microsoft.com/office/2011/relationships/chartStyle" Target="style1.xml"/></Relationships>
</file>

<file path=ppt/charts/_rels/chart3.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oleObject" Target="https://hitachipowergrids-my.sharepoint.com/personal/ayse_sabuncu_hitachi-powergrids_com/Documents/Data/EUROPE/ENTSO-E/Transparency%20data/Actual%20Generation%20per%20Production%20Type_202001010000-202101010000_DE.xlsx" TargetMode="External"/></Relationships>
</file>

<file path=ppt/charts/_rels/chart4.xml.rels><?xml version="1.0" encoding="UTF-8" standalone="yes"?>
<Relationships xmlns="http://schemas.openxmlformats.org/package/2006/relationships"><Relationship Id="rId3" Type="http://schemas.openxmlformats.org/officeDocument/2006/relationships/oleObject" Target="https://hitachipowergrids-my.sharepoint.com/personal/ayse_sabuncu_hitachi-powergrids_com/Documents/Data/EUROPE/ENTSO-E/Transparency%20data/Actual%20Generation%20per%20Production%20Type_202001010000-202101010000_DE.xlsx" TargetMode="External"/><Relationship Id="rId2" Type="http://schemas.microsoft.com/office/2011/relationships/chartColorStyle" Target="colors3.xml"/><Relationship Id="rId1" Type="http://schemas.microsoft.com/office/2011/relationships/chartStyle" Target="style3.xml"/></Relationships>
</file>

<file path=ppt/charts/_rels/chart5.xml.rels><?xml version="1.0" encoding="UTF-8" standalone="yes"?>
<Relationships xmlns="http://schemas.openxmlformats.org/package/2006/relationships"><Relationship Id="rId3" Type="http://schemas.openxmlformats.org/officeDocument/2006/relationships/oleObject" Target="Book1" TargetMode="External"/><Relationship Id="rId2" Type="http://schemas.microsoft.com/office/2011/relationships/chartColorStyle" Target="colors4.xml"/><Relationship Id="rId1" Type="http://schemas.microsoft.com/office/2011/relationships/chartStyle" Target="style4.xml"/></Relationships>
</file>

<file path=ppt/charts/_rels/chart6.xml.rels><?xml version="1.0" encoding="UTF-8" standalone="yes"?>
<Relationships xmlns="http://schemas.openxmlformats.org/package/2006/relationships"><Relationship Id="rId3" Type="http://schemas.openxmlformats.org/officeDocument/2006/relationships/oleObject" Target="file:///\\abbne-sql1\e7files\Projects\WE%20RC\Weather%20Scenarios\MAF%20Dataset\weather_scenario_analysis_summary.xlsx" TargetMode="External"/><Relationship Id="rId2" Type="http://schemas.microsoft.com/office/2011/relationships/chartColorStyle" Target="colors5.xml"/><Relationship Id="rId1" Type="http://schemas.microsoft.com/office/2011/relationships/chartStyle" Target="style5.xml"/></Relationships>
</file>

<file path=ppt/charts/_rels/chart7.xml.rels><?xml version="1.0" encoding="UTF-8" standalone="yes"?>
<Relationships xmlns="http://schemas.openxmlformats.org/package/2006/relationships"><Relationship Id="rId3" Type="http://schemas.openxmlformats.org/officeDocument/2006/relationships/oleObject" Target="https://hitachipowergrids.sharepoint.com/sites/EMEAEPMAdvisory/Shared%20Documents/Reference%20Cases/NWE/2021/H1/Working%20Files/Weather%20Scenarios/External%20Webinar/Charts_tornado.xlsx" TargetMode="External"/><Relationship Id="rId2" Type="http://schemas.microsoft.com/office/2011/relationships/chartColorStyle" Target="colors6.xml"/><Relationship Id="rId1" Type="http://schemas.microsoft.com/office/2011/relationships/chartStyle" Target="style6.xml"/></Relationships>
</file>

<file path=ppt/charts/_rels/chart8.xml.rels><?xml version="1.0" encoding="UTF-8" standalone="yes"?>
<Relationships xmlns="http://schemas.openxmlformats.org/package/2006/relationships"><Relationship Id="rId3" Type="http://schemas.openxmlformats.org/officeDocument/2006/relationships/oleObject" Target="https://hitachipowergrids.sharepoint.com/sites/EMEAEPMAdvisory/Shared%20Documents/Reference%20Cases/NWE/2021/H1/Working%20Files/Weather%20Scenarios/External%20Webinar/Charts.xlsx" TargetMode="External"/><Relationship Id="rId2" Type="http://schemas.microsoft.com/office/2011/relationships/chartColorStyle" Target="colors7.xml"/><Relationship Id="rId1" Type="http://schemas.microsoft.com/office/2011/relationships/chartStyle" Target="style7.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benchmarks!$I$24</c:f>
              <c:strCache>
                <c:ptCount val="1"/>
                <c:pt idx="0">
                  <c:v>2030</c:v>
                </c:pt>
              </c:strCache>
            </c:strRef>
          </c:tx>
          <c:spPr>
            <a:solidFill>
              <a:schemeClr val="tx1">
                <a:lumMod val="95000"/>
                <a:lumOff val="5000"/>
              </a:schemeClr>
            </a:solidFill>
            <a:ln>
              <a:noFill/>
            </a:ln>
            <a:effectLst/>
          </c:spPr>
          <c:invertIfNegative val="0"/>
          <c:dPt>
            <c:idx val="7"/>
            <c:invertIfNegative val="0"/>
            <c:bubble3D val="0"/>
            <c:spPr>
              <a:solidFill>
                <a:srgbClr val="5373C2"/>
              </a:solidFill>
              <a:ln>
                <a:noFill/>
              </a:ln>
              <a:effectLst/>
            </c:spPr>
          </c:dPt>
          <c:dLbls>
            <c:dLbl>
              <c:idx val="7"/>
              <c:layout>
                <c:manualLayout>
                  <c:x val="0"/>
                  <c:y val="0.18092819922046754"/>
                </c:manualLayout>
              </c:layout>
              <c:spPr>
                <a:noFill/>
                <a:ln>
                  <a:noFill/>
                </a:ln>
                <a:effectLst/>
              </c:spPr>
              <c:txPr>
                <a:bodyPr wrap="square" lIns="38100" tIns="19050" rIns="38100" bIns="19050" anchor="ctr">
                  <a:spAutoFit/>
                </a:bodyPr>
                <a:lstStyle/>
                <a:p>
                  <a:pPr>
                    <a:defRPr b="1">
                      <a:solidFill>
                        <a:schemeClr val="bg1">
                          <a:lumMod val="95000"/>
                        </a:schemeClr>
                      </a:solidFill>
                    </a:defRPr>
                  </a:pPr>
                  <a:endParaRPr lang="en-US"/>
                </a:p>
              </c:txPr>
              <c:showLegendKey val="0"/>
              <c:showVal val="1"/>
              <c:showCatName val="0"/>
              <c:showSerName val="0"/>
              <c:showPercent val="0"/>
              <c:showBubbleSize val="0"/>
              <c:extLst>
                <c:ext xmlns:c15="http://schemas.microsoft.com/office/drawing/2012/chart" uri="{CE6537A1-D6FC-4f65-9D91-7224C49458BB}"/>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1"/>
              </c:ext>
            </c:extLst>
          </c:dLbls>
          <c:cat>
            <c:strRef>
              <c:f>benchmarks!$G$25:$G$41</c:f>
              <c:strCache>
                <c:ptCount val="17"/>
                <c:pt idx="0">
                  <c:v>ICIS High</c:v>
                </c:pt>
                <c:pt idx="1">
                  <c:v>BNEF</c:v>
                </c:pt>
                <c:pt idx="2">
                  <c:v>Refinitiv</c:v>
                </c:pt>
                <c:pt idx="3">
                  <c:v>ICIS Low</c:v>
                </c:pt>
                <c:pt idx="4">
                  <c:v>Experts High</c:v>
                </c:pt>
                <c:pt idx="5">
                  <c:v>Consultant (High)</c:v>
                </c:pt>
                <c:pt idx="6">
                  <c:v>EU commission</c:v>
                </c:pt>
                <c:pt idx="7">
                  <c:v>Current CO2 price</c:v>
                </c:pt>
                <c:pt idx="8">
                  <c:v>ENTSO-E DE&amp;GA</c:v>
                </c:pt>
                <c:pt idx="9">
                  <c:v>Energy Aspects</c:v>
                </c:pt>
                <c:pt idx="10">
                  <c:v>RC H2 2021</c:v>
                </c:pt>
                <c:pt idx="11">
                  <c:v>ENTSO-E NT</c:v>
                </c:pt>
                <c:pt idx="12">
                  <c:v>Experts Low</c:v>
                </c:pt>
                <c:pt idx="13">
                  <c:v>Nordic Grid 2021</c:v>
                </c:pt>
                <c:pt idx="14">
                  <c:v>RC H1 2021</c:v>
                </c:pt>
                <c:pt idx="15">
                  <c:v>Consultant (central)</c:v>
                </c:pt>
                <c:pt idx="16">
                  <c:v>Consultant (Low)</c:v>
                </c:pt>
              </c:strCache>
            </c:strRef>
          </c:cat>
          <c:val>
            <c:numRef>
              <c:f>benchmarks!$I$25:$I$41</c:f>
              <c:numCache>
                <c:formatCode>General</c:formatCode>
                <c:ptCount val="17"/>
                <c:pt idx="0">
                  <c:v>150</c:v>
                </c:pt>
                <c:pt idx="1">
                  <c:v>105</c:v>
                </c:pt>
                <c:pt idx="2">
                  <c:v>90</c:v>
                </c:pt>
                <c:pt idx="3">
                  <c:v>90</c:v>
                </c:pt>
                <c:pt idx="4">
                  <c:v>90</c:v>
                </c:pt>
                <c:pt idx="5">
                  <c:v>88</c:v>
                </c:pt>
                <c:pt idx="6">
                  <c:v>85</c:v>
                </c:pt>
                <c:pt idx="7" formatCode="0">
                  <c:v>78.599999999999994</c:v>
                </c:pt>
                <c:pt idx="8">
                  <c:v>78</c:v>
                </c:pt>
                <c:pt idx="9">
                  <c:v>75</c:v>
                </c:pt>
                <c:pt idx="10">
                  <c:v>72</c:v>
                </c:pt>
                <c:pt idx="11">
                  <c:v>70</c:v>
                </c:pt>
                <c:pt idx="12">
                  <c:v>56</c:v>
                </c:pt>
                <c:pt idx="13">
                  <c:v>53</c:v>
                </c:pt>
                <c:pt idx="14">
                  <c:v>52</c:v>
                </c:pt>
                <c:pt idx="15">
                  <c:v>38</c:v>
                </c:pt>
                <c:pt idx="16">
                  <c:v>19</c:v>
                </c:pt>
              </c:numCache>
            </c:numRef>
          </c:val>
          <c:extLst>
            <c:ext xmlns:c16="http://schemas.microsoft.com/office/drawing/2014/chart" uri="{C3380CC4-5D6E-409C-BE32-E72D297353CC}">
              <c16:uniqueId val="{00000000-0650-4E08-A0A6-0D6500567EFA}"/>
            </c:ext>
          </c:extLst>
        </c:ser>
        <c:dLbls>
          <c:showLegendKey val="0"/>
          <c:showVal val="0"/>
          <c:showCatName val="0"/>
          <c:showSerName val="0"/>
          <c:showPercent val="0"/>
          <c:showBubbleSize val="0"/>
        </c:dLbls>
        <c:gapWidth val="219"/>
        <c:overlap val="-27"/>
        <c:axId val="16173655"/>
        <c:axId val="16170703"/>
      </c:barChart>
      <c:catAx>
        <c:axId val="16173655"/>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6170703"/>
        <c:crosses val="autoZero"/>
        <c:auto val="1"/>
        <c:lblAlgn val="ctr"/>
        <c:lblOffset val="100"/>
        <c:noMultiLvlLbl val="0"/>
      </c:catAx>
      <c:valAx>
        <c:axId val="16170703"/>
        <c:scaling>
          <c:orientation val="minMax"/>
        </c:scaling>
        <c:delete val="0"/>
        <c:axPos val="l"/>
        <c:majorGridlines>
          <c:spPr>
            <a:ln w="9525" cap="flat" cmpd="sng" algn="ctr">
              <a:solidFill>
                <a:schemeClr val="bg1">
                  <a:lumMod val="50000"/>
                </a:schemeClr>
              </a:solidFill>
              <a:prstDash val="dash"/>
              <a:round/>
            </a:ln>
            <a:effectLst/>
          </c:spPr>
        </c:majorGridlines>
        <c:title>
          <c:tx>
            <c:rich>
              <a:bodyPr rot="-5400000" spcFirstLastPara="1" vertOverflow="ellipsis" vert="horz" wrap="square" anchor="ctr" anchorCtr="1"/>
              <a:lstStyle/>
              <a:p>
                <a:pPr>
                  <a:defRPr sz="11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pl-PL" sz="1100" dirty="0">
                    <a:solidFill>
                      <a:sysClr val="windowText" lastClr="000000"/>
                    </a:solidFill>
                    <a:latin typeface="Arial" panose="020B0604020202020204" pitchFamily="34" charset="0"/>
                    <a:cs typeface="Arial" panose="020B0604020202020204" pitchFamily="34" charset="0"/>
                  </a:rPr>
                  <a:t>EUR/</a:t>
                </a:r>
                <a:r>
                  <a:rPr lang="en-GB" sz="1100" dirty="0">
                    <a:solidFill>
                      <a:sysClr val="windowText" lastClr="000000"/>
                    </a:solidFill>
                    <a:latin typeface="Arial" panose="020B0604020202020204" pitchFamily="34" charset="0"/>
                    <a:cs typeface="Arial" panose="020B0604020202020204" pitchFamily="34" charset="0"/>
                  </a:rPr>
                  <a:t>tonne</a:t>
                </a:r>
                <a:r>
                  <a:rPr lang="en-GB" sz="1100" baseline="0" dirty="0">
                    <a:solidFill>
                      <a:sysClr val="windowText" lastClr="000000"/>
                    </a:solidFill>
                    <a:latin typeface="Arial" panose="020B0604020202020204" pitchFamily="34" charset="0"/>
                    <a:cs typeface="Arial" panose="020B0604020202020204" pitchFamily="34" charset="0"/>
                  </a:rPr>
                  <a:t> of CO2</a:t>
                </a:r>
                <a:endParaRPr lang="en-US" sz="1100" dirty="0">
                  <a:solidFill>
                    <a:sysClr val="windowText" lastClr="000000"/>
                  </a:solidFill>
                  <a:latin typeface="Arial" panose="020B0604020202020204" pitchFamily="34" charset="0"/>
                  <a:cs typeface="Arial" panose="020B0604020202020204" pitchFamily="34" charset="0"/>
                </a:endParaRPr>
              </a:p>
            </c:rich>
          </c:tx>
          <c:overlay val="0"/>
          <c:spPr>
            <a:noFill/>
            <a:ln>
              <a:noFill/>
            </a:ln>
            <a:effectLst/>
          </c:sp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0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6173655"/>
        <c:crosses val="autoZero"/>
        <c:crossBetween val="between"/>
      </c:valAx>
    </c:plotArea>
    <c:plotVisOnly val="1"/>
    <c:dispBlanksAs val="gap"/>
    <c:showDLblsOverMax val="0"/>
    <c:extLst/>
  </c:chart>
  <c:spPr>
    <a:solidFill>
      <a:schemeClr val="bg1"/>
    </a:solidFill>
    <a:ln w="9525" cap="flat" cmpd="sng" algn="ctr">
      <a:noFill/>
      <a:round/>
    </a:ln>
    <a:effectLst/>
  </c:spPr>
  <c:txPr>
    <a:bodyPr/>
    <a:lstStyle/>
    <a:p>
      <a:pPr>
        <a:defRPr/>
      </a:pPr>
      <a:endParaRPr lang="en-US"/>
    </a:p>
  </c:txPr>
  <c:externalData r:id="rId1">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chart!$A$1</c:f>
              <c:strCache>
                <c:ptCount val="1"/>
                <c:pt idx="0">
                  <c:v>CO2 sensitivity</c:v>
                </c:pt>
              </c:strCache>
            </c:strRef>
          </c:tx>
          <c:spPr>
            <a:solidFill>
              <a:srgbClr val="C00000"/>
            </a:solidFill>
            <a:ln>
              <a:noFill/>
            </a:ln>
            <a:effectLst/>
          </c:spPr>
          <c:invertIfNegative val="0"/>
          <c:cat>
            <c:strRef>
              <c:f>chart!$B$2:$B$25</c:f>
              <c:strCache>
                <c:ptCount val="24"/>
                <c:pt idx="0">
                  <c:v>Serbia</c:v>
                </c:pt>
                <c:pt idx="1">
                  <c:v>Bulgaria</c:v>
                </c:pt>
                <c:pt idx="2">
                  <c:v>Romania</c:v>
                </c:pt>
                <c:pt idx="3">
                  <c:v>Poland</c:v>
                </c:pt>
                <c:pt idx="4">
                  <c:v>Czechia</c:v>
                </c:pt>
                <c:pt idx="5">
                  <c:v>Slovakia</c:v>
                </c:pt>
                <c:pt idx="6">
                  <c:v>Croatia</c:v>
                </c:pt>
                <c:pt idx="7">
                  <c:v>Hungary</c:v>
                </c:pt>
                <c:pt idx="8">
                  <c:v>Slovenia</c:v>
                </c:pt>
                <c:pt idx="9">
                  <c:v>Italy</c:v>
                </c:pt>
                <c:pt idx="10">
                  <c:v>Austria</c:v>
                </c:pt>
                <c:pt idx="11">
                  <c:v>Switzerland</c:v>
                </c:pt>
                <c:pt idx="12">
                  <c:v>Germany</c:v>
                </c:pt>
                <c:pt idx="13">
                  <c:v>Netherlands</c:v>
                </c:pt>
                <c:pt idx="14">
                  <c:v>Denmark</c:v>
                </c:pt>
                <c:pt idx="15">
                  <c:v>Belgium</c:v>
                </c:pt>
                <c:pt idx="16">
                  <c:v>France</c:v>
                </c:pt>
                <c:pt idx="17">
                  <c:v>Ireland</c:v>
                </c:pt>
                <c:pt idx="18">
                  <c:v>Norway</c:v>
                </c:pt>
                <c:pt idx="19">
                  <c:v>UK</c:v>
                </c:pt>
                <c:pt idx="20">
                  <c:v>Sweden</c:v>
                </c:pt>
                <c:pt idx="21">
                  <c:v>Finland</c:v>
                </c:pt>
                <c:pt idx="22">
                  <c:v>Spain</c:v>
                </c:pt>
                <c:pt idx="23">
                  <c:v>Portugal</c:v>
                </c:pt>
              </c:strCache>
            </c:strRef>
          </c:cat>
          <c:val>
            <c:numRef>
              <c:f>chart!$A$2:$A$25</c:f>
              <c:numCache>
                <c:formatCode>#,##0.00</c:formatCode>
                <c:ptCount val="24"/>
                <c:pt idx="0">
                  <c:v>1</c:v>
                </c:pt>
                <c:pt idx="1">
                  <c:v>1</c:v>
                </c:pt>
                <c:pt idx="2">
                  <c:v>0.9760200036643496</c:v>
                </c:pt>
                <c:pt idx="3">
                  <c:v>0.60603020942229668</c:v>
                </c:pt>
                <c:pt idx="4">
                  <c:v>0.53866085828618682</c:v>
                </c:pt>
                <c:pt idx="5">
                  <c:v>0.53473623211549992</c:v>
                </c:pt>
                <c:pt idx="6">
                  <c:v>0.52017920999819678</c:v>
                </c:pt>
                <c:pt idx="7">
                  <c:v>0.51973177291603989</c:v>
                </c:pt>
                <c:pt idx="8">
                  <c:v>0.50991139160478982</c:v>
                </c:pt>
                <c:pt idx="9">
                  <c:v>0.46161938996064339</c:v>
                </c:pt>
                <c:pt idx="10">
                  <c:v>0.43162898917726339</c:v>
                </c:pt>
                <c:pt idx="11">
                  <c:v>0.42177508359356325</c:v>
                </c:pt>
                <c:pt idx="12">
                  <c:v>0.42148739720187672</c:v>
                </c:pt>
                <c:pt idx="13">
                  <c:v>0.40286235619255656</c:v>
                </c:pt>
                <c:pt idx="14">
                  <c:v>0.38438156537174301</c:v>
                </c:pt>
                <c:pt idx="15">
                  <c:v>0.38259615930246016</c:v>
                </c:pt>
                <c:pt idx="16">
                  <c:v>0.35393132665714971</c:v>
                </c:pt>
                <c:pt idx="17">
                  <c:v>0.35159987232559636</c:v>
                </c:pt>
                <c:pt idx="18">
                  <c:v>0.34630078277335319</c:v>
                </c:pt>
                <c:pt idx="19">
                  <c:v>0.33194950196856016</c:v>
                </c:pt>
                <c:pt idx="20">
                  <c:v>0.31684471079130672</c:v>
                </c:pt>
                <c:pt idx="21">
                  <c:v>0.31088006949438995</c:v>
                </c:pt>
                <c:pt idx="22">
                  <c:v>0.30755823826636353</c:v>
                </c:pt>
                <c:pt idx="23">
                  <c:v>0.30417915592484995</c:v>
                </c:pt>
              </c:numCache>
            </c:numRef>
          </c:val>
          <c:extLst>
            <c:ext xmlns:c16="http://schemas.microsoft.com/office/drawing/2014/chart" uri="{C3380CC4-5D6E-409C-BE32-E72D297353CC}">
              <c16:uniqueId val="{00000000-EE32-4625-96C6-B2B4CE634213}"/>
            </c:ext>
          </c:extLst>
        </c:ser>
        <c:ser>
          <c:idx val="1"/>
          <c:order val="1"/>
          <c:tx>
            <c:strRef>
              <c:f>chart!$B$1</c:f>
              <c:strCache>
                <c:ptCount val="1"/>
                <c:pt idx="0">
                  <c:v>Country</c:v>
                </c:pt>
              </c:strCache>
            </c:strRef>
          </c:tx>
          <c:spPr>
            <a:solidFill>
              <a:schemeClr val="accent2"/>
            </a:solidFill>
            <a:ln>
              <a:noFill/>
            </a:ln>
            <a:effectLst/>
          </c:spPr>
          <c:invertIfNegative val="0"/>
          <c:cat>
            <c:strRef>
              <c:f>chart!$B$2:$B$25</c:f>
              <c:strCache>
                <c:ptCount val="24"/>
                <c:pt idx="0">
                  <c:v>Serbia</c:v>
                </c:pt>
                <c:pt idx="1">
                  <c:v>Bulgaria</c:v>
                </c:pt>
                <c:pt idx="2">
                  <c:v>Romania</c:v>
                </c:pt>
                <c:pt idx="3">
                  <c:v>Poland</c:v>
                </c:pt>
                <c:pt idx="4">
                  <c:v>Czechia</c:v>
                </c:pt>
                <c:pt idx="5">
                  <c:v>Slovakia</c:v>
                </c:pt>
                <c:pt idx="6">
                  <c:v>Croatia</c:v>
                </c:pt>
                <c:pt idx="7">
                  <c:v>Hungary</c:v>
                </c:pt>
                <c:pt idx="8">
                  <c:v>Slovenia</c:v>
                </c:pt>
                <c:pt idx="9">
                  <c:v>Italy</c:v>
                </c:pt>
                <c:pt idx="10">
                  <c:v>Austria</c:v>
                </c:pt>
                <c:pt idx="11">
                  <c:v>Switzerland</c:v>
                </c:pt>
                <c:pt idx="12">
                  <c:v>Germany</c:v>
                </c:pt>
                <c:pt idx="13">
                  <c:v>Netherlands</c:v>
                </c:pt>
                <c:pt idx="14">
                  <c:v>Denmark</c:v>
                </c:pt>
                <c:pt idx="15">
                  <c:v>Belgium</c:v>
                </c:pt>
                <c:pt idx="16">
                  <c:v>France</c:v>
                </c:pt>
                <c:pt idx="17">
                  <c:v>Ireland</c:v>
                </c:pt>
                <c:pt idx="18">
                  <c:v>Norway</c:v>
                </c:pt>
                <c:pt idx="19">
                  <c:v>UK</c:v>
                </c:pt>
                <c:pt idx="20">
                  <c:v>Sweden</c:v>
                </c:pt>
                <c:pt idx="21">
                  <c:v>Finland</c:v>
                </c:pt>
                <c:pt idx="22">
                  <c:v>Spain</c:v>
                </c:pt>
                <c:pt idx="23">
                  <c:v>Portugal</c:v>
                </c:pt>
              </c:strCache>
            </c:strRef>
          </c:cat>
          <c:val>
            <c:numRef>
              <c:f>chart!$B$2:$B$25</c:f>
              <c:numCache>
                <c:formatCode>General</c:formatCode>
                <c:ptCount val="24"/>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numCache>
            </c:numRef>
          </c:val>
          <c:extLst>
            <c:ext xmlns:c16="http://schemas.microsoft.com/office/drawing/2014/chart" uri="{C3380CC4-5D6E-409C-BE32-E72D297353CC}">
              <c16:uniqueId val="{00000001-EE32-4625-96C6-B2B4CE634213}"/>
            </c:ext>
          </c:extLst>
        </c:ser>
        <c:dLbls>
          <c:showLegendKey val="0"/>
          <c:showVal val="0"/>
          <c:showCatName val="0"/>
          <c:showSerName val="0"/>
          <c:showPercent val="0"/>
          <c:showBubbleSize val="0"/>
        </c:dLbls>
        <c:gapWidth val="219"/>
        <c:overlap val="-27"/>
        <c:axId val="16173655"/>
        <c:axId val="16170703"/>
      </c:barChart>
      <c:catAx>
        <c:axId val="16173655"/>
        <c:scaling>
          <c:orientation val="minMax"/>
        </c:scaling>
        <c:delete val="1"/>
        <c:axPos val="b"/>
        <c:numFmt formatCode="General" sourceLinked="1"/>
        <c:majorTickMark val="none"/>
        <c:minorTickMark val="none"/>
        <c:tickLblPos val="nextTo"/>
        <c:crossAx val="16170703"/>
        <c:crosses val="autoZero"/>
        <c:auto val="1"/>
        <c:lblAlgn val="ctr"/>
        <c:lblOffset val="100"/>
        <c:noMultiLvlLbl val="0"/>
      </c:catAx>
      <c:valAx>
        <c:axId val="16170703"/>
        <c:scaling>
          <c:orientation val="minMax"/>
          <c:max val="1"/>
        </c:scaling>
        <c:delete val="0"/>
        <c:axPos val="l"/>
        <c:majorGridlines>
          <c:spPr>
            <a:ln w="9525" cap="flat" cmpd="sng" algn="ctr">
              <a:solidFill>
                <a:schemeClr val="bg1">
                  <a:lumMod val="50000"/>
                </a:schemeClr>
              </a:solidFill>
              <a:prstDash val="dash"/>
              <a:round/>
            </a:ln>
            <a:effectLst/>
          </c:spPr>
        </c:majorGridlines>
        <c:title>
          <c:tx>
            <c:rich>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pl-PL" sz="1400">
                    <a:solidFill>
                      <a:sysClr val="windowText" lastClr="000000"/>
                    </a:solidFill>
                    <a:latin typeface="Arial" panose="020B0604020202020204" pitchFamily="34" charset="0"/>
                    <a:cs typeface="Arial" panose="020B0604020202020204" pitchFamily="34" charset="0"/>
                  </a:rPr>
                  <a:t>EUR/MWh</a:t>
                </a:r>
                <a:endParaRPr lang="en-US" sz="1400">
                  <a:solidFill>
                    <a:sysClr val="windowText" lastClr="000000"/>
                  </a:solidFill>
                  <a:latin typeface="Arial" panose="020B0604020202020204" pitchFamily="34" charset="0"/>
                  <a:cs typeface="Arial" panose="020B0604020202020204" pitchFamily="34" charset="0"/>
                </a:endParaRPr>
              </a:p>
            </c:rich>
          </c:tx>
          <c:layout>
            <c:manualLayout>
              <c:xMode val="edge"/>
              <c:yMode val="edge"/>
              <c:x val="7.492832397827315E-3"/>
              <c:y val="0.3853413679511612"/>
            </c:manualLayout>
          </c:layout>
          <c:overlay val="0"/>
          <c:spPr>
            <a:noFill/>
            <a:ln>
              <a:noFill/>
            </a:ln>
            <a:effectLst/>
          </c:spPr>
          <c:txPr>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title>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6173655"/>
        <c:crosses val="autoZero"/>
        <c:crossBetween val="between"/>
        <c:majorUnit val="0.2"/>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0806341727753162"/>
          <c:y val="3.2500226444324362E-2"/>
          <c:w val="0.80486537158070992"/>
          <c:h val="0.85975038027029649"/>
        </c:manualLayout>
      </c:layout>
      <c:barChart>
        <c:barDir val="col"/>
        <c:grouping val="stacked"/>
        <c:varyColors val="0"/>
        <c:ser>
          <c:idx val="4"/>
          <c:order val="1"/>
          <c:tx>
            <c:strRef>
              <c:f>DE_Summary!$AC$339</c:f>
              <c:strCache>
                <c:ptCount val="1"/>
                <c:pt idx="0">
                  <c:v>Hydro</c:v>
                </c:pt>
              </c:strCache>
            </c:strRef>
          </c:tx>
          <c:spPr>
            <a:solidFill>
              <a:srgbClr val="0C74DA"/>
            </a:solidFill>
            <a:ln>
              <a:noFill/>
            </a:ln>
            <a:effectLst/>
          </c:spPr>
          <c:invertIfNegative val="0"/>
          <c:cat>
            <c:numRef>
              <c:f>DE_Summary!$S$340:$S$466</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DE_Summary!$AC$340:$AC$466</c:f>
              <c:numCache>
                <c:formatCode>0%</c:formatCode>
                <c:ptCount val="127"/>
                <c:pt idx="0">
                  <c:v>2.2836870043104227E-2</c:v>
                </c:pt>
                <c:pt idx="1">
                  <c:v>2.561328364477591E-2</c:v>
                </c:pt>
                <c:pt idx="2">
                  <c:v>2.375820546353985E-2</c:v>
                </c:pt>
                <c:pt idx="3">
                  <c:v>2.1944304688269287E-2</c:v>
                </c:pt>
                <c:pt idx="4">
                  <c:v>2.390698641608625E-2</c:v>
                </c:pt>
                <c:pt idx="5">
                  <c:v>2.8332388483594123E-2</c:v>
                </c:pt>
                <c:pt idx="6">
                  <c:v>2.4527233493339944E-2</c:v>
                </c:pt>
                <c:pt idx="7">
                  <c:v>2.3706273189321229E-2</c:v>
                </c:pt>
                <c:pt idx="8">
                  <c:v>2.4862833103971364E-2</c:v>
                </c:pt>
                <c:pt idx="9">
                  <c:v>2.6474950816877594E-2</c:v>
                </c:pt>
                <c:pt idx="10">
                  <c:v>2.3621882007273443E-2</c:v>
                </c:pt>
                <c:pt idx="11">
                  <c:v>2.7070403148129567E-2</c:v>
                </c:pt>
                <c:pt idx="12">
                  <c:v>2.5988776434883384E-2</c:v>
                </c:pt>
                <c:pt idx="13">
                  <c:v>2.1484459360122568E-2</c:v>
                </c:pt>
                <c:pt idx="14">
                  <c:v>2.2556846103452821E-2</c:v>
                </c:pt>
                <c:pt idx="15">
                  <c:v>2.3360337411955447E-2</c:v>
                </c:pt>
                <c:pt idx="16">
                  <c:v>2.3727243115981279E-2</c:v>
                </c:pt>
                <c:pt idx="17">
                  <c:v>2.3848369938395047E-2</c:v>
                </c:pt>
                <c:pt idx="18">
                  <c:v>2.5598122010235952E-2</c:v>
                </c:pt>
                <c:pt idx="19">
                  <c:v>2.5911017241902895E-2</c:v>
                </c:pt>
                <c:pt idx="20">
                  <c:v>2.1573161978295549E-2</c:v>
                </c:pt>
                <c:pt idx="21">
                  <c:v>2.422319253680703E-2</c:v>
                </c:pt>
                <c:pt idx="22">
                  <c:v>2.6294559633001285E-2</c:v>
                </c:pt>
                <c:pt idx="23">
                  <c:v>2.9910197404272771E-2</c:v>
                </c:pt>
                <c:pt idx="24">
                  <c:v>3.3510168209090398E-2</c:v>
                </c:pt>
                <c:pt idx="25">
                  <c:v>3.1538368468630638E-2</c:v>
                </c:pt>
                <c:pt idx="26">
                  <c:v>2.6517335218193123E-2</c:v>
                </c:pt>
                <c:pt idx="27">
                  <c:v>2.7998446110607551E-2</c:v>
                </c:pt>
                <c:pt idx="28">
                  <c:v>2.8504143770881368E-2</c:v>
                </c:pt>
                <c:pt idx="29">
                  <c:v>2.6787425625622769E-2</c:v>
                </c:pt>
                <c:pt idx="30">
                  <c:v>2.6402150888329787E-2</c:v>
                </c:pt>
                <c:pt idx="31">
                  <c:v>2.7582598165679203E-2</c:v>
                </c:pt>
                <c:pt idx="32">
                  <c:v>2.5457529328649489E-2</c:v>
                </c:pt>
                <c:pt idx="33">
                  <c:v>2.4832567349381284E-2</c:v>
                </c:pt>
                <c:pt idx="34">
                  <c:v>2.1669210443775233E-2</c:v>
                </c:pt>
                <c:pt idx="35">
                  <c:v>2.2790482919492604E-2</c:v>
                </c:pt>
                <c:pt idx="36">
                  <c:v>2.2895008043995746E-2</c:v>
                </c:pt>
                <c:pt idx="37">
                  <c:v>2.3352834191386975E-2</c:v>
                </c:pt>
                <c:pt idx="38">
                  <c:v>2.3657033153427889E-2</c:v>
                </c:pt>
                <c:pt idx="39">
                  <c:v>2.4765695924588587E-2</c:v>
                </c:pt>
                <c:pt idx="40">
                  <c:v>2.4249869046483519E-2</c:v>
                </c:pt>
                <c:pt idx="41">
                  <c:v>1.8691918564191525E-2</c:v>
                </c:pt>
                <c:pt idx="42">
                  <c:v>1.7940449679823299E-2</c:v>
                </c:pt>
                <c:pt idx="43">
                  <c:v>1.9005370415596409E-2</c:v>
                </c:pt>
                <c:pt idx="44">
                  <c:v>2.1571208143745736E-2</c:v>
                </c:pt>
                <c:pt idx="45">
                  <c:v>2.3551882311434555E-2</c:v>
                </c:pt>
                <c:pt idx="46">
                  <c:v>2.4539277793142421E-2</c:v>
                </c:pt>
                <c:pt idx="47">
                  <c:v>2.2896619642903782E-2</c:v>
                </c:pt>
                <c:pt idx="48">
                  <c:v>2.0227125267973496E-2</c:v>
                </c:pt>
                <c:pt idx="49">
                  <c:v>2.0777292764784704E-2</c:v>
                </c:pt>
                <c:pt idx="50">
                  <c:v>2.0961008100488131E-2</c:v>
                </c:pt>
                <c:pt idx="51">
                  <c:v>1.8494181610146831E-2</c:v>
                </c:pt>
                <c:pt idx="52">
                  <c:v>2.0667695312671982E-2</c:v>
                </c:pt>
                <c:pt idx="53">
                  <c:v>2.5849014188185974E-2</c:v>
                </c:pt>
                <c:pt idx="54">
                  <c:v>2.672757634757034E-2</c:v>
                </c:pt>
                <c:pt idx="55">
                  <c:v>2.1866339867191234E-2</c:v>
                </c:pt>
                <c:pt idx="56">
                  <c:v>2.2280746030258453E-2</c:v>
                </c:pt>
                <c:pt idx="57">
                  <c:v>2.3237439893941298E-2</c:v>
                </c:pt>
                <c:pt idx="58">
                  <c:v>2.360623479118917E-2</c:v>
                </c:pt>
                <c:pt idx="59">
                  <c:v>2.6200264061950512E-2</c:v>
                </c:pt>
                <c:pt idx="60">
                  <c:v>2.9772154596152709E-2</c:v>
                </c:pt>
                <c:pt idx="61">
                  <c:v>2.9086976788854246E-2</c:v>
                </c:pt>
                <c:pt idx="62">
                  <c:v>2.3923831212497002E-2</c:v>
                </c:pt>
                <c:pt idx="63">
                  <c:v>2.3925239664278151E-2</c:v>
                </c:pt>
                <c:pt idx="64">
                  <c:v>2.5149752304901119E-2</c:v>
                </c:pt>
                <c:pt idx="65">
                  <c:v>2.5828149521556033E-2</c:v>
                </c:pt>
                <c:pt idx="66">
                  <c:v>2.5431020870725643E-2</c:v>
                </c:pt>
                <c:pt idx="67">
                  <c:v>2.7688429868144616E-2</c:v>
                </c:pt>
                <c:pt idx="68">
                  <c:v>2.9927522101602502E-2</c:v>
                </c:pt>
                <c:pt idx="69">
                  <c:v>2.9130571556905498E-2</c:v>
                </c:pt>
                <c:pt idx="70">
                  <c:v>2.9003816212963014E-2</c:v>
                </c:pt>
                <c:pt idx="71">
                  <c:v>2.8343582853075613E-2</c:v>
                </c:pt>
                <c:pt idx="72">
                  <c:v>2.7546880261815829E-2</c:v>
                </c:pt>
                <c:pt idx="73">
                  <c:v>2.6908458027841167E-2</c:v>
                </c:pt>
                <c:pt idx="74">
                  <c:v>2.8583759285047843E-2</c:v>
                </c:pt>
                <c:pt idx="75">
                  <c:v>2.8841806245690365E-2</c:v>
                </c:pt>
                <c:pt idx="76">
                  <c:v>2.4094051304883641E-2</c:v>
                </c:pt>
                <c:pt idx="77">
                  <c:v>2.6064441184171658E-2</c:v>
                </c:pt>
                <c:pt idx="78">
                  <c:v>2.6724290215221592E-2</c:v>
                </c:pt>
                <c:pt idx="79">
                  <c:v>2.6347738003753077E-2</c:v>
                </c:pt>
                <c:pt idx="80">
                  <c:v>2.5350620562301977E-2</c:v>
                </c:pt>
                <c:pt idx="81">
                  <c:v>2.8242229582021713E-2</c:v>
                </c:pt>
                <c:pt idx="82">
                  <c:v>3.1628880352057083E-2</c:v>
                </c:pt>
                <c:pt idx="83">
                  <c:v>2.4978031794300918E-2</c:v>
                </c:pt>
                <c:pt idx="84">
                  <c:v>2.5384842206127255E-2</c:v>
                </c:pt>
                <c:pt idx="85">
                  <c:v>2.5720797158076857E-2</c:v>
                </c:pt>
                <c:pt idx="86">
                  <c:v>2.6586182528796951E-2</c:v>
                </c:pt>
                <c:pt idx="87">
                  <c:v>2.6351306786054407E-2</c:v>
                </c:pt>
                <c:pt idx="88">
                  <c:v>3.1164221700734494E-2</c:v>
                </c:pt>
                <c:pt idx="89">
                  <c:v>3.2946814684447483E-2</c:v>
                </c:pt>
                <c:pt idx="90">
                  <c:v>2.4724894780645965E-2</c:v>
                </c:pt>
                <c:pt idx="91">
                  <c:v>2.5893441677611807E-2</c:v>
                </c:pt>
                <c:pt idx="92">
                  <c:v>2.6475568362837803E-2</c:v>
                </c:pt>
                <c:pt idx="93">
                  <c:v>2.727545642586883E-2</c:v>
                </c:pt>
                <c:pt idx="94">
                  <c:v>2.7191608832272281E-2</c:v>
                </c:pt>
                <c:pt idx="95">
                  <c:v>2.9905246568218451E-2</c:v>
                </c:pt>
                <c:pt idx="96">
                  <c:v>2.9077023924831222E-2</c:v>
                </c:pt>
                <c:pt idx="97">
                  <c:v>2.4957793892362631E-2</c:v>
                </c:pt>
                <c:pt idx="98">
                  <c:v>2.5169589937945682E-2</c:v>
                </c:pt>
                <c:pt idx="99">
                  <c:v>2.4922716262789347E-2</c:v>
                </c:pt>
                <c:pt idx="100">
                  <c:v>2.246028822863198E-2</c:v>
                </c:pt>
                <c:pt idx="101">
                  <c:v>2.3779078959925901E-2</c:v>
                </c:pt>
                <c:pt idx="102">
                  <c:v>2.5691984084472472E-2</c:v>
                </c:pt>
                <c:pt idx="103">
                  <c:v>2.8691527802613571E-2</c:v>
                </c:pt>
                <c:pt idx="104">
                  <c:v>2.3936950736684139E-2</c:v>
                </c:pt>
                <c:pt idx="105">
                  <c:v>2.5412431150871943E-2</c:v>
                </c:pt>
                <c:pt idx="106">
                  <c:v>2.5657309220571259E-2</c:v>
                </c:pt>
                <c:pt idx="107">
                  <c:v>2.5348691302779211E-2</c:v>
                </c:pt>
                <c:pt idx="108">
                  <c:v>2.5857250752687772E-2</c:v>
                </c:pt>
                <c:pt idx="109">
                  <c:v>2.7494784509419685E-2</c:v>
                </c:pt>
                <c:pt idx="110">
                  <c:v>2.7374333787711924E-2</c:v>
                </c:pt>
                <c:pt idx="111">
                  <c:v>2.1596594119112893E-2</c:v>
                </c:pt>
                <c:pt idx="112">
                  <c:v>2.2307839638812586E-2</c:v>
                </c:pt>
                <c:pt idx="113">
                  <c:v>2.2054825707899569E-2</c:v>
                </c:pt>
                <c:pt idx="114">
                  <c:v>2.2565960419386636E-2</c:v>
                </c:pt>
                <c:pt idx="115">
                  <c:v>2.4935816085956658E-2</c:v>
                </c:pt>
                <c:pt idx="116">
                  <c:v>2.8284373490857221E-2</c:v>
                </c:pt>
                <c:pt idx="117">
                  <c:v>2.984290209225144E-2</c:v>
                </c:pt>
                <c:pt idx="118">
                  <c:v>2.4845784172137637E-2</c:v>
                </c:pt>
                <c:pt idx="119">
                  <c:v>2.6120196937743659E-2</c:v>
                </c:pt>
                <c:pt idx="120">
                  <c:v>2.7954702142331603E-2</c:v>
                </c:pt>
                <c:pt idx="121">
                  <c:v>2.8718179581864789E-2</c:v>
                </c:pt>
                <c:pt idx="122">
                  <c:v>3.4905810334086664E-2</c:v>
                </c:pt>
                <c:pt idx="123">
                  <c:v>3.5724306349607E-2</c:v>
                </c:pt>
                <c:pt idx="124">
                  <c:v>3.4662457342452005E-2</c:v>
                </c:pt>
                <c:pt idx="125">
                  <c:v>2.859381432164447E-2</c:v>
                </c:pt>
                <c:pt idx="126">
                  <c:v>2.5183822835617122E-2</c:v>
                </c:pt>
              </c:numCache>
            </c:numRef>
          </c:val>
          <c:extLst>
            <c:ext xmlns:c16="http://schemas.microsoft.com/office/drawing/2014/chart" uri="{C3380CC4-5D6E-409C-BE32-E72D297353CC}">
              <c16:uniqueId val="{00000000-B19E-44DD-93A5-F47A8FDDFFB1}"/>
            </c:ext>
          </c:extLst>
        </c:ser>
        <c:ser>
          <c:idx val="2"/>
          <c:order val="2"/>
          <c:tx>
            <c:strRef>
              <c:f>DE_Summary!$AD$339</c:f>
              <c:strCache>
                <c:ptCount val="1"/>
                <c:pt idx="0">
                  <c:v>Biomass</c:v>
                </c:pt>
              </c:strCache>
            </c:strRef>
          </c:tx>
          <c:spPr>
            <a:solidFill>
              <a:srgbClr val="28B1B5"/>
            </a:solidFill>
            <a:ln>
              <a:noFill/>
            </a:ln>
            <a:effectLst/>
          </c:spPr>
          <c:invertIfNegative val="0"/>
          <c:cat>
            <c:numRef>
              <c:f>DE_Summary!$S$340:$S$466</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DE_Summary!$AD$340:$AD$466</c:f>
              <c:numCache>
                <c:formatCode>0%</c:formatCode>
                <c:ptCount val="127"/>
                <c:pt idx="0">
                  <c:v>7.5826340821830582E-2</c:v>
                </c:pt>
                <c:pt idx="1">
                  <c:v>7.6184802206506641E-2</c:v>
                </c:pt>
                <c:pt idx="2">
                  <c:v>7.3825373881599085E-2</c:v>
                </c:pt>
                <c:pt idx="3">
                  <c:v>7.5173314408828185E-2</c:v>
                </c:pt>
                <c:pt idx="4">
                  <c:v>8.8811370650282329E-2</c:v>
                </c:pt>
                <c:pt idx="5">
                  <c:v>9.5751758799233658E-2</c:v>
                </c:pt>
                <c:pt idx="6">
                  <c:v>7.8251109034232075E-2</c:v>
                </c:pt>
                <c:pt idx="7">
                  <c:v>7.6411068808960952E-2</c:v>
                </c:pt>
                <c:pt idx="8">
                  <c:v>7.6452033142211301E-2</c:v>
                </c:pt>
                <c:pt idx="9">
                  <c:v>7.7460221571019103E-2</c:v>
                </c:pt>
                <c:pt idx="10">
                  <c:v>7.7019679360197671E-2</c:v>
                </c:pt>
                <c:pt idx="11">
                  <c:v>8.9818469490340322E-2</c:v>
                </c:pt>
                <c:pt idx="12">
                  <c:v>9.7658508724897675E-2</c:v>
                </c:pt>
                <c:pt idx="13">
                  <c:v>7.9954032709382908E-2</c:v>
                </c:pt>
                <c:pt idx="14">
                  <c:v>7.8501796215458636E-2</c:v>
                </c:pt>
                <c:pt idx="15">
                  <c:v>7.9904514679361618E-2</c:v>
                </c:pt>
                <c:pt idx="16">
                  <c:v>7.7428130996750708E-2</c:v>
                </c:pt>
                <c:pt idx="17">
                  <c:v>7.8872324410931408E-2</c:v>
                </c:pt>
                <c:pt idx="18">
                  <c:v>8.8561145844067171E-2</c:v>
                </c:pt>
                <c:pt idx="19">
                  <c:v>9.6282656895904789E-2</c:v>
                </c:pt>
                <c:pt idx="20">
                  <c:v>8.5659039327809078E-2</c:v>
                </c:pt>
                <c:pt idx="21">
                  <c:v>8.7683482698795681E-2</c:v>
                </c:pt>
                <c:pt idx="22">
                  <c:v>9.4830039774980279E-2</c:v>
                </c:pt>
                <c:pt idx="23">
                  <c:v>0.10240322506193635</c:v>
                </c:pt>
                <c:pt idx="24">
                  <c:v>0.10777067669148563</c:v>
                </c:pt>
                <c:pt idx="25">
                  <c:v>0.10626389053488161</c:v>
                </c:pt>
                <c:pt idx="26">
                  <c:v>9.8206856788366784E-2</c:v>
                </c:pt>
                <c:pt idx="27">
                  <c:v>9.657065427609117E-2</c:v>
                </c:pt>
                <c:pt idx="28">
                  <c:v>9.6503383291997674E-2</c:v>
                </c:pt>
                <c:pt idx="29">
                  <c:v>9.6290377402545452E-2</c:v>
                </c:pt>
                <c:pt idx="30">
                  <c:v>0.10328436127336629</c:v>
                </c:pt>
                <c:pt idx="31">
                  <c:v>0.11169394355529194</c:v>
                </c:pt>
                <c:pt idx="32">
                  <c:v>0.10530815298743239</c:v>
                </c:pt>
                <c:pt idx="33">
                  <c:v>0.10440053470548351</c:v>
                </c:pt>
                <c:pt idx="34">
                  <c:v>8.6259801033454514E-2</c:v>
                </c:pt>
                <c:pt idx="35">
                  <c:v>8.1461168087553312E-2</c:v>
                </c:pt>
                <c:pt idx="36">
                  <c:v>8.4399654316097084E-2</c:v>
                </c:pt>
                <c:pt idx="37">
                  <c:v>8.103297694824585E-2</c:v>
                </c:pt>
                <c:pt idx="38">
                  <c:v>8.1383865149814105E-2</c:v>
                </c:pt>
                <c:pt idx="39">
                  <c:v>9.2823487844160363E-2</c:v>
                </c:pt>
                <c:pt idx="40">
                  <c:v>9.7665945176969568E-2</c:v>
                </c:pt>
                <c:pt idx="41">
                  <c:v>7.5992076032604522E-2</c:v>
                </c:pt>
                <c:pt idx="42">
                  <c:v>7.2440153574171579E-2</c:v>
                </c:pt>
                <c:pt idx="43">
                  <c:v>7.3482812314888846E-2</c:v>
                </c:pt>
                <c:pt idx="44">
                  <c:v>7.4330386143186794E-2</c:v>
                </c:pt>
                <c:pt idx="45">
                  <c:v>7.5675114599991253E-2</c:v>
                </c:pt>
                <c:pt idx="46">
                  <c:v>8.6608069482157352E-2</c:v>
                </c:pt>
                <c:pt idx="47">
                  <c:v>9.2248083509753123E-2</c:v>
                </c:pt>
                <c:pt idx="48">
                  <c:v>7.735869026396619E-2</c:v>
                </c:pt>
                <c:pt idx="49">
                  <c:v>7.2435568670850325E-2</c:v>
                </c:pt>
                <c:pt idx="50">
                  <c:v>7.3613816623106607E-2</c:v>
                </c:pt>
                <c:pt idx="51">
                  <c:v>7.3378863986201456E-2</c:v>
                </c:pt>
                <c:pt idx="52">
                  <c:v>7.6537893314938765E-2</c:v>
                </c:pt>
                <c:pt idx="53">
                  <c:v>8.9887365855033388E-2</c:v>
                </c:pt>
                <c:pt idx="54">
                  <c:v>9.572120807855386E-2</c:v>
                </c:pt>
                <c:pt idx="55">
                  <c:v>7.7736260975330776E-2</c:v>
                </c:pt>
                <c:pt idx="56">
                  <c:v>7.4918403264405922E-2</c:v>
                </c:pt>
                <c:pt idx="57">
                  <c:v>7.353263006951688E-2</c:v>
                </c:pt>
                <c:pt idx="58">
                  <c:v>7.4793122520207658E-2</c:v>
                </c:pt>
                <c:pt idx="59">
                  <c:v>7.6062598043434473E-2</c:v>
                </c:pt>
                <c:pt idx="60">
                  <c:v>8.5885313035862346E-2</c:v>
                </c:pt>
                <c:pt idx="61">
                  <c:v>9.4183973010216582E-2</c:v>
                </c:pt>
                <c:pt idx="62">
                  <c:v>7.7649343401825041E-2</c:v>
                </c:pt>
                <c:pt idx="63">
                  <c:v>7.4841725131892051E-2</c:v>
                </c:pt>
                <c:pt idx="64">
                  <c:v>7.5688784671904957E-2</c:v>
                </c:pt>
                <c:pt idx="65">
                  <c:v>7.6959801613669457E-2</c:v>
                </c:pt>
                <c:pt idx="66">
                  <c:v>8.0707191532655612E-2</c:v>
                </c:pt>
                <c:pt idx="67">
                  <c:v>8.7777337442774647E-2</c:v>
                </c:pt>
                <c:pt idx="68">
                  <c:v>9.0601388382303402E-2</c:v>
                </c:pt>
                <c:pt idx="69">
                  <c:v>7.7140013990311701E-2</c:v>
                </c:pt>
                <c:pt idx="70">
                  <c:v>7.4220620350777172E-2</c:v>
                </c:pt>
                <c:pt idx="71">
                  <c:v>7.2871500099062611E-2</c:v>
                </c:pt>
                <c:pt idx="72">
                  <c:v>6.9807023268821253E-2</c:v>
                </c:pt>
                <c:pt idx="73">
                  <c:v>7.4119713456460803E-2</c:v>
                </c:pt>
                <c:pt idx="74">
                  <c:v>8.3930031924522572E-2</c:v>
                </c:pt>
                <c:pt idx="75">
                  <c:v>9.0075865725700796E-2</c:v>
                </c:pt>
                <c:pt idx="76">
                  <c:v>7.504626150527971E-2</c:v>
                </c:pt>
                <c:pt idx="77">
                  <c:v>7.6294293563640939E-2</c:v>
                </c:pt>
                <c:pt idx="78">
                  <c:v>7.6228892091333059E-2</c:v>
                </c:pt>
                <c:pt idx="79">
                  <c:v>7.7402065363424907E-2</c:v>
                </c:pt>
                <c:pt idx="80">
                  <c:v>7.5905354279375684E-2</c:v>
                </c:pt>
                <c:pt idx="81">
                  <c:v>8.7013563743063391E-2</c:v>
                </c:pt>
                <c:pt idx="82">
                  <c:v>9.4300922266710246E-2</c:v>
                </c:pt>
                <c:pt idx="83">
                  <c:v>7.8431169324942221E-2</c:v>
                </c:pt>
                <c:pt idx="84">
                  <c:v>7.5295710830675572E-2</c:v>
                </c:pt>
                <c:pt idx="85">
                  <c:v>7.7661350246375882E-2</c:v>
                </c:pt>
                <c:pt idx="86">
                  <c:v>8.2321821187048394E-2</c:v>
                </c:pt>
                <c:pt idx="87">
                  <c:v>8.3715152289189437E-2</c:v>
                </c:pt>
                <c:pt idx="88">
                  <c:v>9.7171081986165725E-2</c:v>
                </c:pt>
                <c:pt idx="89">
                  <c:v>0.112066075740097</c:v>
                </c:pt>
                <c:pt idx="90">
                  <c:v>8.9697868386578658E-2</c:v>
                </c:pt>
                <c:pt idx="91">
                  <c:v>8.7769386901197399E-2</c:v>
                </c:pt>
                <c:pt idx="92">
                  <c:v>8.7892458886731056E-2</c:v>
                </c:pt>
                <c:pt idx="93">
                  <c:v>8.7853505153641195E-2</c:v>
                </c:pt>
                <c:pt idx="94">
                  <c:v>8.8995072620807192E-2</c:v>
                </c:pt>
                <c:pt idx="95">
                  <c:v>0.10137078536390902</c:v>
                </c:pt>
                <c:pt idx="96">
                  <c:v>0.10801118821369235</c:v>
                </c:pt>
                <c:pt idx="97">
                  <c:v>8.8884758364547234E-2</c:v>
                </c:pt>
                <c:pt idx="98">
                  <c:v>8.4149970478397715E-2</c:v>
                </c:pt>
                <c:pt idx="99">
                  <c:v>8.2463118401341989E-2</c:v>
                </c:pt>
                <c:pt idx="100">
                  <c:v>7.9378803905341286E-2</c:v>
                </c:pt>
                <c:pt idx="101">
                  <c:v>8.1119724110258182E-2</c:v>
                </c:pt>
                <c:pt idx="102">
                  <c:v>9.1867394157905194E-2</c:v>
                </c:pt>
                <c:pt idx="103">
                  <c:v>9.9900705493700823E-2</c:v>
                </c:pt>
                <c:pt idx="104">
                  <c:v>8.2802766051385757E-2</c:v>
                </c:pt>
                <c:pt idx="105">
                  <c:v>8.1129629856660945E-2</c:v>
                </c:pt>
                <c:pt idx="106">
                  <c:v>8.1425200972720976E-2</c:v>
                </c:pt>
                <c:pt idx="107">
                  <c:v>8.1560140220154675E-2</c:v>
                </c:pt>
                <c:pt idx="108">
                  <c:v>8.3258947432816949E-2</c:v>
                </c:pt>
                <c:pt idx="109">
                  <c:v>9.5640073022556713E-2</c:v>
                </c:pt>
                <c:pt idx="110">
                  <c:v>0.10162553723522719</c:v>
                </c:pt>
                <c:pt idx="111">
                  <c:v>7.9616695866163059E-2</c:v>
                </c:pt>
                <c:pt idx="112">
                  <c:v>7.7116169473195162E-2</c:v>
                </c:pt>
                <c:pt idx="113">
                  <c:v>7.7362492212071615E-2</c:v>
                </c:pt>
                <c:pt idx="114">
                  <c:v>7.7958526540465312E-2</c:v>
                </c:pt>
                <c:pt idx="115">
                  <c:v>8.4307317725616754E-2</c:v>
                </c:pt>
                <c:pt idx="116">
                  <c:v>9.7191363313747059E-2</c:v>
                </c:pt>
                <c:pt idx="117">
                  <c:v>0.10665325451456967</c:v>
                </c:pt>
                <c:pt idx="118">
                  <c:v>8.8750781229140388E-2</c:v>
                </c:pt>
                <c:pt idx="119">
                  <c:v>8.6950790860803331E-2</c:v>
                </c:pt>
                <c:pt idx="120">
                  <c:v>8.7931697286259033E-2</c:v>
                </c:pt>
                <c:pt idx="121">
                  <c:v>8.9439208164108275E-2</c:v>
                </c:pt>
                <c:pt idx="122">
                  <c:v>0.10711483835060243</c:v>
                </c:pt>
                <c:pt idx="123">
                  <c:v>0.10846980378550811</c:v>
                </c:pt>
                <c:pt idx="124">
                  <c:v>0.11661481440891409</c:v>
                </c:pt>
                <c:pt idx="125">
                  <c:v>0.1074179852538953</c:v>
                </c:pt>
                <c:pt idx="126">
                  <c:v>8.5460215111286542E-2</c:v>
                </c:pt>
              </c:numCache>
            </c:numRef>
          </c:val>
          <c:extLst>
            <c:ext xmlns:c16="http://schemas.microsoft.com/office/drawing/2014/chart" uri="{C3380CC4-5D6E-409C-BE32-E72D297353CC}">
              <c16:uniqueId val="{00000001-B19E-44DD-93A5-F47A8FDDFFB1}"/>
            </c:ext>
          </c:extLst>
        </c:ser>
        <c:ser>
          <c:idx val="3"/>
          <c:order val="3"/>
          <c:tx>
            <c:strRef>
              <c:f>DE_Summary!$AB$339</c:f>
              <c:strCache>
                <c:ptCount val="1"/>
                <c:pt idx="0">
                  <c:v>Solar </c:v>
                </c:pt>
              </c:strCache>
            </c:strRef>
          </c:tx>
          <c:spPr>
            <a:solidFill>
              <a:schemeClr val="accent4"/>
            </a:solidFill>
            <a:ln>
              <a:noFill/>
            </a:ln>
            <a:effectLst/>
          </c:spPr>
          <c:invertIfNegative val="0"/>
          <c:cat>
            <c:numRef>
              <c:f>DE_Summary!$S$340:$S$466</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DE_Summary!$AB$340:$AB$466</c:f>
              <c:numCache>
                <c:formatCode>0%</c:formatCode>
                <c:ptCount val="127"/>
                <c:pt idx="0">
                  <c:v>5.2789369898665521E-3</c:v>
                </c:pt>
                <c:pt idx="1">
                  <c:v>1.0951889973149602E-2</c:v>
                </c:pt>
                <c:pt idx="2">
                  <c:v>7.7325601152131301E-3</c:v>
                </c:pt>
                <c:pt idx="3">
                  <c:v>1.2607288754706193E-2</c:v>
                </c:pt>
                <c:pt idx="4">
                  <c:v>1.7000086230526557E-2</c:v>
                </c:pt>
                <c:pt idx="5">
                  <c:v>1.2253595430668798E-2</c:v>
                </c:pt>
                <c:pt idx="6">
                  <c:v>1.011371476275493E-2</c:v>
                </c:pt>
                <c:pt idx="7">
                  <c:v>1.9487198523718559E-2</c:v>
                </c:pt>
                <c:pt idx="8">
                  <c:v>4.950980917103589E-3</c:v>
                </c:pt>
                <c:pt idx="9">
                  <c:v>4.9900051452086329E-3</c:v>
                </c:pt>
                <c:pt idx="10">
                  <c:v>8.6123130905045153E-3</c:v>
                </c:pt>
                <c:pt idx="11">
                  <c:v>9.2724150852698459E-3</c:v>
                </c:pt>
                <c:pt idx="12">
                  <c:v>9.4209286381145996E-3</c:v>
                </c:pt>
                <c:pt idx="13">
                  <c:v>1.9128296004915359E-2</c:v>
                </c:pt>
                <c:pt idx="14">
                  <c:v>8.8612634560334084E-3</c:v>
                </c:pt>
                <c:pt idx="15">
                  <c:v>1.9513388870873772E-2</c:v>
                </c:pt>
                <c:pt idx="16">
                  <c:v>1.5396318453565679E-2</c:v>
                </c:pt>
                <c:pt idx="17">
                  <c:v>2.9587897259551414E-2</c:v>
                </c:pt>
                <c:pt idx="18">
                  <c:v>3.0492083835081635E-2</c:v>
                </c:pt>
                <c:pt idx="19">
                  <c:v>1.7481706325180698E-2</c:v>
                </c:pt>
                <c:pt idx="20">
                  <c:v>1.7157668753713207E-2</c:v>
                </c:pt>
                <c:pt idx="21">
                  <c:v>9.9639642939024463E-3</c:v>
                </c:pt>
                <c:pt idx="22">
                  <c:v>8.3485886609278841E-3</c:v>
                </c:pt>
                <c:pt idx="23">
                  <c:v>1.3941027018374489E-2</c:v>
                </c:pt>
                <c:pt idx="24">
                  <c:v>2.0338781004627961E-2</c:v>
                </c:pt>
                <c:pt idx="25">
                  <c:v>2.5103841777252032E-2</c:v>
                </c:pt>
                <c:pt idx="26">
                  <c:v>1.8534371932124958E-2</c:v>
                </c:pt>
                <c:pt idx="27">
                  <c:v>1.3744780468862794E-2</c:v>
                </c:pt>
                <c:pt idx="28">
                  <c:v>1.8456472633585911E-2</c:v>
                </c:pt>
                <c:pt idx="29">
                  <c:v>2.6622597518090665E-2</c:v>
                </c:pt>
                <c:pt idx="30">
                  <c:v>3.1545820276540619E-2</c:v>
                </c:pt>
                <c:pt idx="31">
                  <c:v>1.983629177973768E-2</c:v>
                </c:pt>
                <c:pt idx="32">
                  <c:v>1.3100032388430946E-2</c:v>
                </c:pt>
                <c:pt idx="33">
                  <c:v>5.4596722259848511E-3</c:v>
                </c:pt>
                <c:pt idx="34">
                  <c:v>3.4647524252931256E-3</c:v>
                </c:pt>
                <c:pt idx="35">
                  <c:v>3.7582521743931836E-3</c:v>
                </c:pt>
                <c:pt idx="36">
                  <c:v>4.7342134345389969E-3</c:v>
                </c:pt>
                <c:pt idx="37">
                  <c:v>4.9690550210859568E-3</c:v>
                </c:pt>
                <c:pt idx="38">
                  <c:v>5.7464509615740289E-3</c:v>
                </c:pt>
                <c:pt idx="39">
                  <c:v>1.1419445744016035E-2</c:v>
                </c:pt>
                <c:pt idx="40">
                  <c:v>2.2508921330464435E-2</c:v>
                </c:pt>
                <c:pt idx="41">
                  <c:v>1.2433997154972232E-2</c:v>
                </c:pt>
                <c:pt idx="42">
                  <c:v>6.6374984826938557E-3</c:v>
                </c:pt>
                <c:pt idx="43">
                  <c:v>1.3346388745367914E-2</c:v>
                </c:pt>
                <c:pt idx="44">
                  <c:v>7.2164607914493211E-3</c:v>
                </c:pt>
                <c:pt idx="45">
                  <c:v>1.2914614624207283E-2</c:v>
                </c:pt>
                <c:pt idx="46">
                  <c:v>1.0319351855057625E-2</c:v>
                </c:pt>
                <c:pt idx="47">
                  <c:v>1.0945709412715941E-2</c:v>
                </c:pt>
                <c:pt idx="48">
                  <c:v>6.7110704615993442E-3</c:v>
                </c:pt>
                <c:pt idx="49">
                  <c:v>6.2484989897793929E-3</c:v>
                </c:pt>
                <c:pt idx="50">
                  <c:v>2.0297385361254857E-2</c:v>
                </c:pt>
                <c:pt idx="51">
                  <c:v>2.3969326836147335E-2</c:v>
                </c:pt>
                <c:pt idx="52">
                  <c:v>2.3570597555294392E-2</c:v>
                </c:pt>
                <c:pt idx="53">
                  <c:v>1.6542285770999379E-2</c:v>
                </c:pt>
                <c:pt idx="54">
                  <c:v>2.2032676747276717E-2</c:v>
                </c:pt>
                <c:pt idx="55">
                  <c:v>1.5361381799978443E-2</c:v>
                </c:pt>
                <c:pt idx="56">
                  <c:v>1.2972491716951239E-2</c:v>
                </c:pt>
                <c:pt idx="57">
                  <c:v>1.3051383822431603E-2</c:v>
                </c:pt>
                <c:pt idx="58">
                  <c:v>8.6821994908511842E-3</c:v>
                </c:pt>
                <c:pt idx="59">
                  <c:v>1.7375315699243995E-2</c:v>
                </c:pt>
                <c:pt idx="60">
                  <c:v>1.645788006804157E-2</c:v>
                </c:pt>
                <c:pt idx="61">
                  <c:v>3.2646792114119812E-2</c:v>
                </c:pt>
                <c:pt idx="62">
                  <c:v>1.6278540622638935E-2</c:v>
                </c:pt>
                <c:pt idx="63">
                  <c:v>1.3300535515388867E-2</c:v>
                </c:pt>
                <c:pt idx="64">
                  <c:v>9.3838779113595144E-3</c:v>
                </c:pt>
                <c:pt idx="65">
                  <c:v>3.7793874973867596E-2</c:v>
                </c:pt>
                <c:pt idx="66">
                  <c:v>1.9718797711228066E-2</c:v>
                </c:pt>
                <c:pt idx="67">
                  <c:v>1.5349922605045772E-2</c:v>
                </c:pt>
                <c:pt idx="68">
                  <c:v>1.1440023244783222E-2</c:v>
                </c:pt>
                <c:pt idx="69">
                  <c:v>1.2390600209625501E-2</c:v>
                </c:pt>
                <c:pt idx="70">
                  <c:v>6.6985473782646306E-3</c:v>
                </c:pt>
                <c:pt idx="71">
                  <c:v>8.2584894739870067E-3</c:v>
                </c:pt>
                <c:pt idx="72">
                  <c:v>1.6945323666619928E-2</c:v>
                </c:pt>
                <c:pt idx="73">
                  <c:v>2.868420854817778E-2</c:v>
                </c:pt>
                <c:pt idx="74">
                  <c:v>4.4133448470813567E-2</c:v>
                </c:pt>
                <c:pt idx="75">
                  <c:v>5.5966119511476481E-2</c:v>
                </c:pt>
                <c:pt idx="76">
                  <c:v>2.0111921170894762E-2</c:v>
                </c:pt>
                <c:pt idx="77">
                  <c:v>2.4135309744179708E-2</c:v>
                </c:pt>
                <c:pt idx="78">
                  <c:v>3.6353970629727901E-2</c:v>
                </c:pt>
                <c:pt idx="79">
                  <c:v>5.8669056222885207E-2</c:v>
                </c:pt>
                <c:pt idx="80">
                  <c:v>6.8806516792163583E-2</c:v>
                </c:pt>
                <c:pt idx="81">
                  <c:v>0.10378346784300048</c:v>
                </c:pt>
                <c:pt idx="82">
                  <c:v>0.12904661806808379</c:v>
                </c:pt>
                <c:pt idx="83">
                  <c:v>8.1042201097797625E-2</c:v>
                </c:pt>
                <c:pt idx="84">
                  <c:v>8.0152259394713835E-2</c:v>
                </c:pt>
                <c:pt idx="85">
                  <c:v>9.2228792355508335E-2</c:v>
                </c:pt>
                <c:pt idx="86">
                  <c:v>9.9875425687651856E-2</c:v>
                </c:pt>
                <c:pt idx="87">
                  <c:v>6.0461056637414662E-2</c:v>
                </c:pt>
                <c:pt idx="88">
                  <c:v>8.0176222917577436E-2</c:v>
                </c:pt>
                <c:pt idx="89">
                  <c:v>0.12671638452457898</c:v>
                </c:pt>
                <c:pt idx="90">
                  <c:v>9.1081221696266354E-2</c:v>
                </c:pt>
                <c:pt idx="91">
                  <c:v>0.11264975389100566</c:v>
                </c:pt>
                <c:pt idx="92">
                  <c:v>7.6431890400938604E-2</c:v>
                </c:pt>
                <c:pt idx="93">
                  <c:v>4.5477149413719185E-2</c:v>
                </c:pt>
                <c:pt idx="94">
                  <c:v>7.2752111761999222E-2</c:v>
                </c:pt>
                <c:pt idx="95">
                  <c:v>0.1308168811906639</c:v>
                </c:pt>
                <c:pt idx="96">
                  <c:v>0.11281782689031428</c:v>
                </c:pt>
                <c:pt idx="97">
                  <c:v>9.9919733028100421E-2</c:v>
                </c:pt>
                <c:pt idx="98">
                  <c:v>6.8659444022069818E-2</c:v>
                </c:pt>
                <c:pt idx="99">
                  <c:v>6.2702922067723585E-2</c:v>
                </c:pt>
                <c:pt idx="100">
                  <c:v>3.6833351559119341E-2</c:v>
                </c:pt>
                <c:pt idx="101">
                  <c:v>7.3417456545009072E-2</c:v>
                </c:pt>
                <c:pt idx="102">
                  <c:v>4.9915271073263705E-2</c:v>
                </c:pt>
                <c:pt idx="103">
                  <c:v>7.0144645624176688E-2</c:v>
                </c:pt>
                <c:pt idx="104">
                  <c:v>4.9239844246636716E-2</c:v>
                </c:pt>
                <c:pt idx="105">
                  <c:v>5.514702790265346E-2</c:v>
                </c:pt>
                <c:pt idx="106">
                  <c:v>5.3976741605509582E-2</c:v>
                </c:pt>
                <c:pt idx="107">
                  <c:v>6.9012227618795316E-2</c:v>
                </c:pt>
                <c:pt idx="108">
                  <c:v>6.8899430646353704E-2</c:v>
                </c:pt>
                <c:pt idx="109">
                  <c:v>0.10708001093410047</c:v>
                </c:pt>
                <c:pt idx="110">
                  <c:v>5.9643491295679113E-2</c:v>
                </c:pt>
                <c:pt idx="111">
                  <c:v>6.3797864987618663E-2</c:v>
                </c:pt>
                <c:pt idx="112">
                  <c:v>4.7772518811141439E-2</c:v>
                </c:pt>
                <c:pt idx="113">
                  <c:v>0.12626651614474568</c:v>
                </c:pt>
                <c:pt idx="114">
                  <c:v>0.11508606397742288</c:v>
                </c:pt>
                <c:pt idx="115">
                  <c:v>0.12462760834018372</c:v>
                </c:pt>
                <c:pt idx="116">
                  <c:v>9.704935333833016E-2</c:v>
                </c:pt>
                <c:pt idx="117">
                  <c:v>0.14919000868483948</c:v>
                </c:pt>
                <c:pt idx="118">
                  <c:v>0.13439511728041401</c:v>
                </c:pt>
                <c:pt idx="119">
                  <c:v>0.15686921004361495</c:v>
                </c:pt>
                <c:pt idx="120">
                  <c:v>0.15793957678711207</c:v>
                </c:pt>
                <c:pt idx="121">
                  <c:v>0.12068992988383404</c:v>
                </c:pt>
                <c:pt idx="122">
                  <c:v>0.1398639131341953</c:v>
                </c:pt>
                <c:pt idx="123">
                  <c:v>0.14400822189563736</c:v>
                </c:pt>
                <c:pt idx="124">
                  <c:v>0.17539728636209576</c:v>
                </c:pt>
                <c:pt idx="125">
                  <c:v>8.9858498478172621E-2</c:v>
                </c:pt>
                <c:pt idx="126">
                  <c:v>8.2601157588070656E-2</c:v>
                </c:pt>
              </c:numCache>
            </c:numRef>
          </c:val>
          <c:extLst>
            <c:ext xmlns:c16="http://schemas.microsoft.com/office/drawing/2014/chart" uri="{C3380CC4-5D6E-409C-BE32-E72D297353CC}">
              <c16:uniqueId val="{00000002-B19E-44DD-93A5-F47A8FDDFFB1}"/>
            </c:ext>
          </c:extLst>
        </c:ser>
        <c:ser>
          <c:idx val="0"/>
          <c:order val="4"/>
          <c:tx>
            <c:strRef>
              <c:f>DE_Summary!$AA$339</c:f>
              <c:strCache>
                <c:ptCount val="1"/>
                <c:pt idx="0">
                  <c:v>Wind </c:v>
                </c:pt>
              </c:strCache>
            </c:strRef>
          </c:tx>
          <c:spPr>
            <a:solidFill>
              <a:srgbClr val="6C46AA"/>
            </a:solidFill>
            <a:ln>
              <a:noFill/>
            </a:ln>
            <a:effectLst/>
          </c:spPr>
          <c:invertIfNegative val="0"/>
          <c:dLbls>
            <c:dLbl>
              <c:idx val="9"/>
              <c:delete val="1"/>
              <c:extLst>
                <c:ext xmlns:c15="http://schemas.microsoft.com/office/drawing/2012/chart" uri="{CE6537A1-D6FC-4f65-9D91-7224C49458BB}">
                  <c15:layout>
                    <c:manualLayout>
                      <c:w val="5.4062984455843871E-2"/>
                      <c:h val="4.2554427335673002E-2"/>
                    </c:manualLayout>
                  </c15:layout>
                </c:ext>
                <c:ext xmlns:c16="http://schemas.microsoft.com/office/drawing/2014/chart" uri="{C3380CC4-5D6E-409C-BE32-E72D297353CC}">
                  <c16:uniqueId val="{00000003-B19E-44DD-93A5-F47A8FDDFFB1}"/>
                </c:ext>
              </c:extLst>
            </c:dLbl>
            <c:dLbl>
              <c:idx val="26"/>
              <c:layout>
                <c:manualLayout>
                  <c:x val="6.2870328972987E-2"/>
                  <c:y val="0.34043797637319262"/>
                </c:manualLayout>
              </c:layout>
              <c:tx>
                <c:rich>
                  <a:bodyPr rot="0" spcFirstLastPara="1" vertOverflow="ellipsis" vert="horz" wrap="square" anchor="ctr" anchorCtr="1"/>
                  <a:lstStyle/>
                  <a:p>
                    <a:pPr algn="l" rtl="0">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dirty="0"/>
                      <a:t>RES 93%</a:t>
                    </a:r>
                  </a:p>
                  <a:p>
                    <a:pPr algn="l" rtl="0">
                      <a:defRPr/>
                    </a:pPr>
                    <a:r>
                      <a:rPr lang="en-US" dirty="0"/>
                      <a:t>€-14/MWh</a:t>
                    </a:r>
                  </a:p>
                </c:rich>
              </c:tx>
              <c:spPr>
                <a:solidFill>
                  <a:sysClr val="window" lastClr="FFFFFF">
                    <a:lumMod val="95000"/>
                  </a:sysClr>
                </a:solidFill>
                <a:ln>
                  <a:noFill/>
                </a:ln>
                <a:effectLst/>
              </c:spPr>
              <c:txPr>
                <a:bodyPr rot="0" spcFirstLastPara="1" vertOverflow="ellipsis" vert="horz" wrap="square" anchor="ctr" anchorCtr="1"/>
                <a:lstStyle/>
                <a:p>
                  <a:pPr algn="l" rtl="0">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0.10339945483652306"/>
                      <c:h val="0.10821697416455209"/>
                    </c:manualLayout>
                  </c15:layout>
                  <c15:showDataLabelsRange val="0"/>
                </c:ext>
                <c:ext xmlns:c16="http://schemas.microsoft.com/office/drawing/2014/chart" uri="{C3380CC4-5D6E-409C-BE32-E72D297353CC}">
                  <c16:uniqueId val="{00000004-B19E-44DD-93A5-F47A8FDDFFB1}"/>
                </c:ext>
              </c:extLst>
            </c:dLbl>
            <c:dLbl>
              <c:idx val="39"/>
              <c:layout>
                <c:manualLayout>
                  <c:x val="-5.4054046385182087E-3"/>
                  <c:y val="-0.60221020717808416"/>
                </c:manualLayout>
              </c:layout>
              <c:tx>
                <c:rich>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dirty="0"/>
                      <a:t>RES 20%</a:t>
                    </a:r>
                  </a:p>
                  <a:p>
                    <a:pPr algn="l">
                      <a:defRPr/>
                    </a:pPr>
                    <a:r>
                      <a:rPr lang="en-US" dirty="0"/>
                      <a:t>€78/MWh</a:t>
                    </a:r>
                  </a:p>
                </c:rich>
              </c:tx>
              <c:spPr>
                <a:solidFill>
                  <a:sysClr val="window" lastClr="FFFFFF"/>
                </a:solid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5-B19E-44DD-93A5-F47A8FDDFFB1}"/>
                </c:ext>
              </c:extLst>
            </c:dLbl>
            <c:dLbl>
              <c:idx val="68"/>
              <c:layout>
                <c:manualLayout>
                  <c:x val="8.0992832109840346E-2"/>
                  <c:y val="0.20244416817766578"/>
                </c:manualLayout>
              </c:layout>
              <c:tx>
                <c:rich>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dirty="0"/>
                      <a:t>RES 76%</a:t>
                    </a:r>
                  </a:p>
                  <a:p>
                    <a:pPr algn="l">
                      <a:defRPr/>
                    </a:pPr>
                    <a:r>
                      <a:rPr lang="en-US" dirty="0"/>
                      <a:t>€19/MWh</a:t>
                    </a:r>
                  </a:p>
                </c:rich>
              </c:tx>
              <c:spPr>
                <a:solidFill>
                  <a:sysClr val="window" lastClr="FFFFFF">
                    <a:lumMod val="95000"/>
                  </a:sysClr>
                </a:solid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6-B19E-44DD-93A5-F47A8FDDFFB1}"/>
                </c:ext>
              </c:extLst>
            </c:dLbl>
            <c:dLbl>
              <c:idx val="72"/>
              <c:layout>
                <c:manualLayout>
                  <c:x val="1.8018015461726592E-3"/>
                  <c:y val="-0.6273698724577732"/>
                </c:manualLayout>
              </c:layout>
              <c:tx>
                <c:rich>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dirty="0"/>
                      <a:t>RES 21%</a:t>
                    </a:r>
                  </a:p>
                  <a:p>
                    <a:pPr algn="l">
                      <a:defRPr/>
                    </a:pPr>
                    <a:r>
                      <a:rPr lang="en-US" dirty="0"/>
                      <a:t>€79/MWh</a:t>
                    </a:r>
                  </a:p>
                </c:rich>
              </c:tx>
              <c:spPr>
                <a:solidFill>
                  <a:sysClr val="window" lastClr="FFFFFF"/>
                </a:solid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7-B19E-44DD-93A5-F47A8FDDFFB1}"/>
                </c:ext>
              </c:extLst>
            </c:dLbl>
            <c:dLbl>
              <c:idx val="102"/>
              <c:layout>
                <c:manualLayout>
                  <c:x val="5.8350087255000828E-2"/>
                  <c:y val="0.35521894992472752"/>
                </c:manualLayout>
              </c:layout>
              <c:tx>
                <c:rich>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dirty="0"/>
                      <a:t>RES 93%</a:t>
                    </a:r>
                  </a:p>
                  <a:p>
                    <a:pPr algn="l">
                      <a:defRPr/>
                    </a:pPr>
                    <a:r>
                      <a:rPr lang="en-US" dirty="0"/>
                      <a:t>€-18/MWh</a:t>
                    </a:r>
                  </a:p>
                  <a:p>
                    <a:pPr algn="l">
                      <a:defRPr/>
                    </a:pPr>
                    <a:endParaRPr lang="en-US" dirty="0"/>
                  </a:p>
                </c:rich>
              </c:tx>
              <c:spPr>
                <a:solidFill>
                  <a:sysClr val="window" lastClr="FFFFFF">
                    <a:lumMod val="95000"/>
                  </a:sysClr>
                </a:solid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0.15026685229294334"/>
                      <c:h val="0.1209665580775033"/>
                    </c:manualLayout>
                  </c15:layout>
                  <c15:showDataLabelsRange val="0"/>
                </c:ext>
                <c:ext xmlns:c16="http://schemas.microsoft.com/office/drawing/2014/chart" uri="{C3380CC4-5D6E-409C-BE32-E72D297353CC}">
                  <c16:uniqueId val="{00000008-B19E-44DD-93A5-F47A8FDDFFB1}"/>
                </c:ext>
              </c:extLst>
            </c:dLbl>
            <c:spPr>
              <a:no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DE_Summary!$S$340:$S$466</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DE_Summary!$AA$340:$AA$466</c:f>
              <c:numCache>
                <c:formatCode>0%</c:formatCode>
                <c:ptCount val="127"/>
                <c:pt idx="0">
                  <c:v>0.13274834610975209</c:v>
                </c:pt>
                <c:pt idx="1">
                  <c:v>6.6038676183869841E-2</c:v>
                </c:pt>
                <c:pt idx="2">
                  <c:v>0.30077115849542313</c:v>
                </c:pt>
                <c:pt idx="3">
                  <c:v>0.38541668136835067</c:v>
                </c:pt>
                <c:pt idx="4">
                  <c:v>0.18615919090346278</c:v>
                </c:pt>
                <c:pt idx="5">
                  <c:v>0.19464983452606899</c:v>
                </c:pt>
                <c:pt idx="6">
                  <c:v>0.24407455728324787</c:v>
                </c:pt>
                <c:pt idx="7">
                  <c:v>0.10134628490174906</c:v>
                </c:pt>
                <c:pt idx="8">
                  <c:v>7.5707170672846727E-2</c:v>
                </c:pt>
                <c:pt idx="9">
                  <c:v>5.6091944166814033E-2</c:v>
                </c:pt>
                <c:pt idx="10">
                  <c:v>0.26379052242110396</c:v>
                </c:pt>
                <c:pt idx="11">
                  <c:v>0.18276784554327785</c:v>
                </c:pt>
                <c:pt idx="12">
                  <c:v>0.13232164236007213</c:v>
                </c:pt>
                <c:pt idx="13">
                  <c:v>0.36491634979678844</c:v>
                </c:pt>
                <c:pt idx="14">
                  <c:v>0.22684826387822488</c:v>
                </c:pt>
                <c:pt idx="15">
                  <c:v>0.17982981842274084</c:v>
                </c:pt>
                <c:pt idx="16">
                  <c:v>0.38173706897011384</c:v>
                </c:pt>
                <c:pt idx="17">
                  <c:v>0.34983121323559668</c:v>
                </c:pt>
                <c:pt idx="18">
                  <c:v>0.45500279395325455</c:v>
                </c:pt>
                <c:pt idx="19">
                  <c:v>0.35295965055378931</c:v>
                </c:pt>
                <c:pt idx="20">
                  <c:v>0.42113409167534277</c:v>
                </c:pt>
                <c:pt idx="21">
                  <c:v>0.54842128607237373</c:v>
                </c:pt>
                <c:pt idx="22">
                  <c:v>0.23453983671382939</c:v>
                </c:pt>
                <c:pt idx="23">
                  <c:v>0.49126097726368684</c:v>
                </c:pt>
                <c:pt idx="24">
                  <c:v>0.24362971613525727</c:v>
                </c:pt>
                <c:pt idx="25">
                  <c:v>0.49429092219496118</c:v>
                </c:pt>
                <c:pt idx="26">
                  <c:v>0.78179675431920392</c:v>
                </c:pt>
                <c:pt idx="27">
                  <c:v>0.28087945513133988</c:v>
                </c:pt>
                <c:pt idx="28">
                  <c:v>0.26197614217271797</c:v>
                </c:pt>
                <c:pt idx="29">
                  <c:v>0.39443302975426708</c:v>
                </c:pt>
                <c:pt idx="30">
                  <c:v>0.2888803075359419</c:v>
                </c:pt>
                <c:pt idx="31">
                  <c:v>7.7822867897180112E-2</c:v>
                </c:pt>
                <c:pt idx="32">
                  <c:v>8.4488334196637371E-2</c:v>
                </c:pt>
                <c:pt idx="33">
                  <c:v>0.3865931649048901</c:v>
                </c:pt>
                <c:pt idx="34">
                  <c:v>0.29647974804893634</c:v>
                </c:pt>
                <c:pt idx="35">
                  <c:v>0.26445314674589532</c:v>
                </c:pt>
                <c:pt idx="36">
                  <c:v>0.17538455985872581</c:v>
                </c:pt>
                <c:pt idx="37">
                  <c:v>0.10324869548723771</c:v>
                </c:pt>
                <c:pt idx="38">
                  <c:v>8.8993528965358296E-2</c:v>
                </c:pt>
                <c:pt idx="39">
                  <c:v>5.5326976614095517E-2</c:v>
                </c:pt>
                <c:pt idx="40">
                  <c:v>0.19617141591273665</c:v>
                </c:pt>
                <c:pt idx="41">
                  <c:v>0.42655609581380438</c:v>
                </c:pt>
                <c:pt idx="42">
                  <c:v>0.46488534568950374</c:v>
                </c:pt>
                <c:pt idx="43">
                  <c:v>0.52932939516329625</c:v>
                </c:pt>
                <c:pt idx="44">
                  <c:v>0.23806345171795529</c:v>
                </c:pt>
                <c:pt idx="45">
                  <c:v>0.11056081247406513</c:v>
                </c:pt>
                <c:pt idx="46">
                  <c:v>0.12737146398633728</c:v>
                </c:pt>
                <c:pt idx="47">
                  <c:v>0.11167388929546114</c:v>
                </c:pt>
                <c:pt idx="48">
                  <c:v>0.33371694323707662</c:v>
                </c:pt>
                <c:pt idx="49">
                  <c:v>0.50457969217847964</c:v>
                </c:pt>
                <c:pt idx="50">
                  <c:v>0.57064440746386624</c:v>
                </c:pt>
                <c:pt idx="51">
                  <c:v>0.60779756147107167</c:v>
                </c:pt>
                <c:pt idx="52">
                  <c:v>0.44965669464906016</c:v>
                </c:pt>
                <c:pt idx="53">
                  <c:v>0.19091101533758417</c:v>
                </c:pt>
                <c:pt idx="54">
                  <c:v>0.15998779438784919</c:v>
                </c:pt>
                <c:pt idx="55">
                  <c:v>9.7005934655742518E-2</c:v>
                </c:pt>
                <c:pt idx="56">
                  <c:v>0.22535101292614887</c:v>
                </c:pt>
                <c:pt idx="57">
                  <c:v>0.22054934090451125</c:v>
                </c:pt>
                <c:pt idx="58">
                  <c:v>0.18778556294121951</c:v>
                </c:pt>
                <c:pt idx="59">
                  <c:v>0.3662822349263945</c:v>
                </c:pt>
                <c:pt idx="60">
                  <c:v>0.17481696362188093</c:v>
                </c:pt>
                <c:pt idx="61">
                  <c:v>0.15862804171844591</c:v>
                </c:pt>
                <c:pt idx="62">
                  <c:v>0.17592418000480958</c:v>
                </c:pt>
                <c:pt idx="63">
                  <c:v>0.15544418409538804</c:v>
                </c:pt>
                <c:pt idx="64">
                  <c:v>0.37837032288048494</c:v>
                </c:pt>
                <c:pt idx="65">
                  <c:v>0.26952760119561142</c:v>
                </c:pt>
                <c:pt idx="66">
                  <c:v>0.28589198777935659</c:v>
                </c:pt>
                <c:pt idx="67">
                  <c:v>0.53796395115236773</c:v>
                </c:pt>
                <c:pt idx="68">
                  <c:v>0.62851079073094451</c:v>
                </c:pt>
                <c:pt idx="69">
                  <c:v>0.36430061565630628</c:v>
                </c:pt>
                <c:pt idx="70">
                  <c:v>0.17313405281623964</c:v>
                </c:pt>
                <c:pt idx="71">
                  <c:v>0.1439901933515724</c:v>
                </c:pt>
                <c:pt idx="72">
                  <c:v>9.3206960462877145E-2</c:v>
                </c:pt>
                <c:pt idx="73">
                  <c:v>0.19469185830019853</c:v>
                </c:pt>
                <c:pt idx="74">
                  <c:v>0.15918261558280331</c:v>
                </c:pt>
                <c:pt idx="75">
                  <c:v>0.29458384343030825</c:v>
                </c:pt>
                <c:pt idx="76">
                  <c:v>0.38396934159984708</c:v>
                </c:pt>
                <c:pt idx="77">
                  <c:v>0.25957117399847174</c:v>
                </c:pt>
                <c:pt idx="78">
                  <c:v>0.41437294806916419</c:v>
                </c:pt>
                <c:pt idx="79">
                  <c:v>0.38507377088502248</c:v>
                </c:pt>
                <c:pt idx="80">
                  <c:v>0.36267583319627494</c:v>
                </c:pt>
                <c:pt idx="81">
                  <c:v>0.40577482934104436</c:v>
                </c:pt>
                <c:pt idx="82">
                  <c:v>0.33929572233804994</c:v>
                </c:pt>
                <c:pt idx="83">
                  <c:v>0.25423449194758896</c:v>
                </c:pt>
                <c:pt idx="84">
                  <c:v>0.29716190684274929</c:v>
                </c:pt>
                <c:pt idx="85">
                  <c:v>0.37532749002963067</c:v>
                </c:pt>
                <c:pt idx="86">
                  <c:v>0.28026426967440504</c:v>
                </c:pt>
                <c:pt idx="87">
                  <c:v>0.23331534435085188</c:v>
                </c:pt>
                <c:pt idx="88">
                  <c:v>0.16921208499041662</c:v>
                </c:pt>
                <c:pt idx="89">
                  <c:v>0.12731367185241585</c:v>
                </c:pt>
                <c:pt idx="90">
                  <c:v>6.9446611282584156E-2</c:v>
                </c:pt>
                <c:pt idx="91">
                  <c:v>7.2292071140045405E-2</c:v>
                </c:pt>
                <c:pt idx="92">
                  <c:v>0.10627302312383723</c:v>
                </c:pt>
                <c:pt idx="93">
                  <c:v>0.17843027298555189</c:v>
                </c:pt>
                <c:pt idx="94">
                  <c:v>0.13994639329064543</c:v>
                </c:pt>
                <c:pt idx="95">
                  <c:v>0.22501424363692882</c:v>
                </c:pt>
                <c:pt idx="96">
                  <c:v>0.32296804723671174</c:v>
                </c:pt>
                <c:pt idx="97">
                  <c:v>6.3744444313943341E-2</c:v>
                </c:pt>
                <c:pt idx="98">
                  <c:v>6.96611474641321E-2</c:v>
                </c:pt>
                <c:pt idx="99">
                  <c:v>0.22304922587047038</c:v>
                </c:pt>
                <c:pt idx="100">
                  <c:v>0.66684005706631011</c:v>
                </c:pt>
                <c:pt idx="101">
                  <c:v>0.66416393064853574</c:v>
                </c:pt>
                <c:pt idx="102">
                  <c:v>0.76604000669837247</c:v>
                </c:pt>
                <c:pt idx="103">
                  <c:v>0.62579360538461681</c:v>
                </c:pt>
                <c:pt idx="104">
                  <c:v>0.43952252551013532</c:v>
                </c:pt>
                <c:pt idx="105">
                  <c:v>0.28221095606921603</c:v>
                </c:pt>
                <c:pt idx="106">
                  <c:v>0.10900695425117492</c:v>
                </c:pt>
                <c:pt idx="107">
                  <c:v>5.0006405339402087E-2</c:v>
                </c:pt>
                <c:pt idx="108">
                  <c:v>0.1773939920731227</c:v>
                </c:pt>
                <c:pt idx="109">
                  <c:v>0.22080879240265883</c:v>
                </c:pt>
                <c:pt idx="110">
                  <c:v>0.55443241307096824</c:v>
                </c:pt>
                <c:pt idx="111">
                  <c:v>0.18403470408797759</c:v>
                </c:pt>
                <c:pt idx="112">
                  <c:v>0.11534772996351329</c:v>
                </c:pt>
                <c:pt idx="113">
                  <c:v>0.14741583392700963</c:v>
                </c:pt>
                <c:pt idx="114">
                  <c:v>9.2062172218365754E-2</c:v>
                </c:pt>
                <c:pt idx="115">
                  <c:v>0.27450010664015018</c:v>
                </c:pt>
                <c:pt idx="116">
                  <c:v>0.58196994410711356</c:v>
                </c:pt>
                <c:pt idx="117">
                  <c:v>0.53678270068734524</c:v>
                </c:pt>
                <c:pt idx="118">
                  <c:v>0.43039367820219931</c:v>
                </c:pt>
                <c:pt idx="119">
                  <c:v>0.15966262071748913</c:v>
                </c:pt>
                <c:pt idx="120">
                  <c:v>3.8506241528030345E-2</c:v>
                </c:pt>
                <c:pt idx="121">
                  <c:v>0.22333795540562174</c:v>
                </c:pt>
                <c:pt idx="122">
                  <c:v>0.37994206106434608</c:v>
                </c:pt>
                <c:pt idx="123">
                  <c:v>0.30389258067788333</c:v>
                </c:pt>
                <c:pt idx="124">
                  <c:v>0.29569376862573021</c:v>
                </c:pt>
                <c:pt idx="125">
                  <c:v>0.72066741518096533</c:v>
                </c:pt>
                <c:pt idx="126">
                  <c:v>0.4930205309604816</c:v>
                </c:pt>
              </c:numCache>
            </c:numRef>
          </c:val>
          <c:extLst>
            <c:ext xmlns:c16="http://schemas.microsoft.com/office/drawing/2014/chart" uri="{C3380CC4-5D6E-409C-BE32-E72D297353CC}">
              <c16:uniqueId val="{00000009-B19E-44DD-93A5-F47A8FDDFFB1}"/>
            </c:ext>
          </c:extLst>
        </c:ser>
        <c:dLbls>
          <c:showLegendKey val="0"/>
          <c:showVal val="0"/>
          <c:showCatName val="0"/>
          <c:showSerName val="0"/>
          <c:showPercent val="0"/>
          <c:showBubbleSize val="0"/>
        </c:dLbls>
        <c:gapWidth val="150"/>
        <c:overlap val="100"/>
        <c:axId val="12585712"/>
        <c:axId val="161730160"/>
      </c:barChart>
      <c:lineChart>
        <c:grouping val="standard"/>
        <c:varyColors val="0"/>
        <c:ser>
          <c:idx val="1"/>
          <c:order val="0"/>
          <c:tx>
            <c:strRef>
              <c:f>DE_Summary!$X$4</c:f>
              <c:strCache>
                <c:ptCount val="1"/>
                <c:pt idx="0">
                  <c:v>DE Day Ahead Electricity Price</c:v>
                </c:pt>
              </c:strCache>
            </c:strRef>
          </c:tx>
          <c:spPr>
            <a:ln w="28575" cap="rnd">
              <a:solidFill>
                <a:srgbClr val="C00000"/>
              </a:solidFill>
              <a:round/>
            </a:ln>
            <a:effectLst/>
          </c:spPr>
          <c:marker>
            <c:symbol val="none"/>
          </c:marker>
          <c:cat>
            <c:numRef>
              <c:f>DE_Summary!$S$340:$S$466</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DE_Summary!$X$340:$X$466</c:f>
              <c:numCache>
                <c:formatCode>General</c:formatCode>
                <c:ptCount val="127"/>
                <c:pt idx="0">
                  <c:v>53.710000000000008</c:v>
                </c:pt>
                <c:pt idx="1">
                  <c:v>73.989166666666662</c:v>
                </c:pt>
                <c:pt idx="2">
                  <c:v>48.00083333333334</c:v>
                </c:pt>
                <c:pt idx="3">
                  <c:v>41.778749999999995</c:v>
                </c:pt>
                <c:pt idx="4">
                  <c:v>46.393333333333324</c:v>
                </c:pt>
                <c:pt idx="5">
                  <c:v>42.747499999999995</c:v>
                </c:pt>
                <c:pt idx="6">
                  <c:v>44.731666666666662</c:v>
                </c:pt>
                <c:pt idx="7">
                  <c:v>61.07833333333334</c:v>
                </c:pt>
                <c:pt idx="8">
                  <c:v>75.026666666666671</c:v>
                </c:pt>
                <c:pt idx="9">
                  <c:v>69.388750000000002</c:v>
                </c:pt>
                <c:pt idx="10">
                  <c:v>45.797916666666659</c:v>
                </c:pt>
                <c:pt idx="11">
                  <c:v>45.719583333333333</c:v>
                </c:pt>
                <c:pt idx="12">
                  <c:v>43.173333333333339</c:v>
                </c:pt>
                <c:pt idx="13">
                  <c:v>42.994583333333331</c:v>
                </c:pt>
                <c:pt idx="14">
                  <c:v>50.403333333333315</c:v>
                </c:pt>
                <c:pt idx="15">
                  <c:v>50.055833333333332</c:v>
                </c:pt>
                <c:pt idx="16">
                  <c:v>44.582916666666669</c:v>
                </c:pt>
                <c:pt idx="17">
                  <c:v>42.510416666666657</c:v>
                </c:pt>
                <c:pt idx="18">
                  <c:v>32.517916666666665</c:v>
                </c:pt>
                <c:pt idx="19">
                  <c:v>40.004166666666663</c:v>
                </c:pt>
                <c:pt idx="20">
                  <c:v>38.783749999999998</c:v>
                </c:pt>
                <c:pt idx="21">
                  <c:v>27.689999999999998</c:v>
                </c:pt>
                <c:pt idx="22">
                  <c:v>43.895416666666669</c:v>
                </c:pt>
                <c:pt idx="23">
                  <c:v>24.328333333333333</c:v>
                </c:pt>
                <c:pt idx="24">
                  <c:v>34.924583333333331</c:v>
                </c:pt>
                <c:pt idx="25">
                  <c:v>19.150416666666668</c:v>
                </c:pt>
                <c:pt idx="26">
                  <c:v>-13.452916666666662</c:v>
                </c:pt>
                <c:pt idx="27">
                  <c:v>39.212083333333339</c:v>
                </c:pt>
                <c:pt idx="28">
                  <c:v>46.208750000000002</c:v>
                </c:pt>
                <c:pt idx="29">
                  <c:v>47.065416666666685</c:v>
                </c:pt>
                <c:pt idx="30">
                  <c:v>46.701250000000009</c:v>
                </c:pt>
                <c:pt idx="31">
                  <c:v>48.398333333333333</c:v>
                </c:pt>
                <c:pt idx="32">
                  <c:v>50.562500000000007</c:v>
                </c:pt>
                <c:pt idx="33">
                  <c:v>38.622499999999995</c:v>
                </c:pt>
                <c:pt idx="34">
                  <c:v>48.01791666666665</c:v>
                </c:pt>
                <c:pt idx="35">
                  <c:v>55.337083333333332</c:v>
                </c:pt>
                <c:pt idx="36">
                  <c:v>52.682916666666671</c:v>
                </c:pt>
                <c:pt idx="37">
                  <c:v>70.927083333333329</c:v>
                </c:pt>
                <c:pt idx="38">
                  <c:v>78.336249999999993</c:v>
                </c:pt>
                <c:pt idx="39">
                  <c:v>59.318750000000001</c:v>
                </c:pt>
                <c:pt idx="40">
                  <c:v>52.164583333333333</c:v>
                </c:pt>
                <c:pt idx="41">
                  <c:v>48.152500000000011</c:v>
                </c:pt>
                <c:pt idx="42">
                  <c:v>46.100416666666668</c:v>
                </c:pt>
                <c:pt idx="43">
                  <c:v>42.472083333333337</c:v>
                </c:pt>
                <c:pt idx="44">
                  <c:v>70.577083333333334</c:v>
                </c:pt>
                <c:pt idx="45">
                  <c:v>72.891249999999999</c:v>
                </c:pt>
                <c:pt idx="46">
                  <c:v>55.845416666666672</c:v>
                </c:pt>
                <c:pt idx="47">
                  <c:v>53.998750000000001</c:v>
                </c:pt>
                <c:pt idx="48">
                  <c:v>55.953750000000007</c:v>
                </c:pt>
                <c:pt idx="49">
                  <c:v>44.95416666666668</c:v>
                </c:pt>
                <c:pt idx="50">
                  <c:v>36.28208333333334</c:v>
                </c:pt>
                <c:pt idx="51">
                  <c:v>30.074583333333347</c:v>
                </c:pt>
                <c:pt idx="52">
                  <c:v>42.529166666666676</c:v>
                </c:pt>
                <c:pt idx="53">
                  <c:v>51.720833333333339</c:v>
                </c:pt>
                <c:pt idx="54">
                  <c:v>49.167499999999997</c:v>
                </c:pt>
                <c:pt idx="55">
                  <c:v>60.837083333333332</c:v>
                </c:pt>
                <c:pt idx="56">
                  <c:v>61.373749999999994</c:v>
                </c:pt>
                <c:pt idx="57">
                  <c:v>57.991250000000001</c:v>
                </c:pt>
                <c:pt idx="58">
                  <c:v>55.307500000000012</c:v>
                </c:pt>
                <c:pt idx="59">
                  <c:v>49.684583333333329</c:v>
                </c:pt>
                <c:pt idx="60">
                  <c:v>48.477083333333333</c:v>
                </c:pt>
                <c:pt idx="61">
                  <c:v>48.234166666666674</c:v>
                </c:pt>
                <c:pt idx="62">
                  <c:v>57.473333333333329</c:v>
                </c:pt>
                <c:pt idx="63">
                  <c:v>54.618333333333332</c:v>
                </c:pt>
                <c:pt idx="64">
                  <c:v>44.526249999999997</c:v>
                </c:pt>
                <c:pt idx="65">
                  <c:v>52.041250000000012</c:v>
                </c:pt>
                <c:pt idx="66">
                  <c:v>51.386666666666656</c:v>
                </c:pt>
                <c:pt idx="67">
                  <c:v>36.381666666666661</c:v>
                </c:pt>
                <c:pt idx="68">
                  <c:v>19.377083333333335</c:v>
                </c:pt>
                <c:pt idx="69">
                  <c:v>43.518333333333345</c:v>
                </c:pt>
                <c:pt idx="70">
                  <c:v>64.321666666666658</c:v>
                </c:pt>
                <c:pt idx="71">
                  <c:v>72.207916666666662</c:v>
                </c:pt>
                <c:pt idx="72">
                  <c:v>79.297083333333333</c:v>
                </c:pt>
                <c:pt idx="73">
                  <c:v>62.134166666666665</c:v>
                </c:pt>
                <c:pt idx="74">
                  <c:v>53.216250000000002</c:v>
                </c:pt>
                <c:pt idx="75">
                  <c:v>45.889166666666675</c:v>
                </c:pt>
                <c:pt idx="76">
                  <c:v>45.487599999999993</c:v>
                </c:pt>
                <c:pt idx="77">
                  <c:v>53.136818181818178</c:v>
                </c:pt>
                <c:pt idx="78">
                  <c:v>50.005454545454548</c:v>
                </c:pt>
                <c:pt idx="79">
                  <c:v>45.833636363636359</c:v>
                </c:pt>
                <c:pt idx="80">
                  <c:v>47.797727272727272</c:v>
                </c:pt>
                <c:pt idx="81">
                  <c:v>33.900000000000006</c:v>
                </c:pt>
                <c:pt idx="82">
                  <c:v>33.388181818181813</c:v>
                </c:pt>
                <c:pt idx="83">
                  <c:v>50.05590909090909</c:v>
                </c:pt>
                <c:pt idx="84">
                  <c:v>45.864545454545457</c:v>
                </c:pt>
                <c:pt idx="85">
                  <c:v>38.625454545454552</c:v>
                </c:pt>
                <c:pt idx="86">
                  <c:v>46.444545454545455</c:v>
                </c:pt>
                <c:pt idx="87">
                  <c:v>48.149090909090908</c:v>
                </c:pt>
                <c:pt idx="88">
                  <c:v>45.376818181818187</c:v>
                </c:pt>
                <c:pt idx="89">
                  <c:v>42.421818181818175</c:v>
                </c:pt>
                <c:pt idx="90">
                  <c:v>49.764999999999993</c:v>
                </c:pt>
                <c:pt idx="91">
                  <c:v>53.499166666666675</c:v>
                </c:pt>
                <c:pt idx="92">
                  <c:v>51.911250000000003</c:v>
                </c:pt>
                <c:pt idx="93">
                  <c:v>54.075416666666676</c:v>
                </c:pt>
                <c:pt idx="94">
                  <c:v>53.603333333333332</c:v>
                </c:pt>
                <c:pt idx="95">
                  <c:v>44.706250000000004</c:v>
                </c:pt>
                <c:pt idx="96">
                  <c:v>44.824583333333322</c:v>
                </c:pt>
                <c:pt idx="97">
                  <c:v>61.606666666666676</c:v>
                </c:pt>
                <c:pt idx="98">
                  <c:v>60.915833333333325</c:v>
                </c:pt>
                <c:pt idx="99">
                  <c:v>50.822083333333318</c:v>
                </c:pt>
                <c:pt idx="100">
                  <c:v>27.430833333333336</c:v>
                </c:pt>
                <c:pt idx="101">
                  <c:v>22.286249999999999</c:v>
                </c:pt>
                <c:pt idx="102">
                  <c:v>11.9275</c:v>
                </c:pt>
                <c:pt idx="103">
                  <c:v>15.753333333333332</c:v>
                </c:pt>
                <c:pt idx="104">
                  <c:v>49.276250000000005</c:v>
                </c:pt>
                <c:pt idx="105">
                  <c:v>56.011250000000018</c:v>
                </c:pt>
                <c:pt idx="106">
                  <c:v>57.64500000000001</c:v>
                </c:pt>
                <c:pt idx="107">
                  <c:v>64.857500000000002</c:v>
                </c:pt>
                <c:pt idx="108">
                  <c:v>56.451666666666661</c:v>
                </c:pt>
                <c:pt idx="109">
                  <c:v>51.34375</c:v>
                </c:pt>
                <c:pt idx="110">
                  <c:v>35.417916666666663</c:v>
                </c:pt>
                <c:pt idx="111">
                  <c:v>60.477083333333333</c:v>
                </c:pt>
                <c:pt idx="112">
                  <c:v>62.334166666666682</c:v>
                </c:pt>
                <c:pt idx="113">
                  <c:v>55.54</c:v>
                </c:pt>
                <c:pt idx="114">
                  <c:v>58.852916666666665</c:v>
                </c:pt>
                <c:pt idx="115">
                  <c:v>51.37083333333333</c:v>
                </c:pt>
                <c:pt idx="116">
                  <c:v>24.69458333333333</c:v>
                </c:pt>
                <c:pt idx="117">
                  <c:v>18.251739130434778</c:v>
                </c:pt>
                <c:pt idx="118">
                  <c:v>40.805416666666666</c:v>
                </c:pt>
                <c:pt idx="119">
                  <c:v>55.725833333333327</c:v>
                </c:pt>
                <c:pt idx="120">
                  <c:v>58.721666666666671</c:v>
                </c:pt>
                <c:pt idx="121">
                  <c:v>52.28875</c:v>
                </c:pt>
                <c:pt idx="122">
                  <c:v>36.498749999999994</c:v>
                </c:pt>
                <c:pt idx="123">
                  <c:v>39.560833333333335</c:v>
                </c:pt>
                <c:pt idx="124">
                  <c:v>27.690416666666668</c:v>
                </c:pt>
                <c:pt idx="125">
                  <c:v>-16.996666666666673</c:v>
                </c:pt>
                <c:pt idx="126">
                  <c:v>35.37833333333333</c:v>
                </c:pt>
              </c:numCache>
            </c:numRef>
          </c:val>
          <c:smooth val="0"/>
          <c:extLst>
            <c:ext xmlns:c16="http://schemas.microsoft.com/office/drawing/2014/chart" uri="{C3380CC4-5D6E-409C-BE32-E72D297353CC}">
              <c16:uniqueId val="{0000000B-B19E-44DD-93A5-F47A8FDDFFB1}"/>
            </c:ext>
          </c:extLst>
        </c:ser>
        <c:dLbls>
          <c:showLegendKey val="0"/>
          <c:showVal val="0"/>
          <c:showCatName val="0"/>
          <c:showSerName val="0"/>
          <c:showPercent val="0"/>
          <c:showBubbleSize val="0"/>
        </c:dLbls>
        <c:marker val="1"/>
        <c:smooth val="0"/>
        <c:axId val="2046577856"/>
        <c:axId val="2046579824"/>
      </c:lineChart>
      <c:dateAx>
        <c:axId val="12585712"/>
        <c:scaling>
          <c:orientation val="minMax"/>
        </c:scaling>
        <c:delete val="0"/>
        <c:axPos val="b"/>
        <c:numFmt formatCode="d\-mmm" sourceLinked="0"/>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61730160"/>
        <c:crosses val="autoZero"/>
        <c:auto val="1"/>
        <c:lblOffset val="100"/>
        <c:baseTimeUnit val="days"/>
        <c:majorUnit val="4"/>
        <c:majorTimeUnit val="days"/>
        <c:minorUnit val="2"/>
        <c:minorTimeUnit val="days"/>
      </c:dateAx>
      <c:valAx>
        <c:axId val="161730160"/>
        <c:scaling>
          <c:orientation val="minMax"/>
          <c:max val="1"/>
          <c:min val="-0.2"/>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GB"/>
                  <a:t>RES Share in Demand by Technology Type (%)</a:t>
                </a:r>
              </a:p>
            </c:rich>
          </c:tx>
          <c:layout>
            <c:manualLayout>
              <c:xMode val="edge"/>
              <c:yMode val="edge"/>
              <c:x val="1.0396820543829106E-2"/>
              <c:y val="0.11424868427123962"/>
            </c:manualLayout>
          </c:layout>
          <c:overlay val="0"/>
          <c:spPr>
            <a:noFill/>
            <a:ln>
              <a:noFill/>
            </a:ln>
            <a:effectLst/>
          </c:spPr>
          <c:txPr>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title>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2585712"/>
        <c:crosses val="autoZero"/>
        <c:crossBetween val="between"/>
      </c:valAx>
      <c:valAx>
        <c:axId val="2046579824"/>
        <c:scaling>
          <c:orientation val="minMax"/>
          <c:min val="-20"/>
        </c:scaling>
        <c:delete val="0"/>
        <c:axPos val="r"/>
        <c:title>
          <c:tx>
            <c:rich>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a:t>Daily Elecitricity Price (€/MWh)</a:t>
                </a:r>
              </a:p>
            </c:rich>
          </c:tx>
          <c:overlay val="0"/>
          <c:spPr>
            <a:noFill/>
            <a:ln>
              <a:noFill/>
            </a:ln>
            <a:effectLst/>
          </c:spPr>
          <c:txPr>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title>
        <c:numFmt formatCode="General" sourceLinked="1"/>
        <c:majorTickMark val="out"/>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2046577856"/>
        <c:crosses val="max"/>
        <c:crossBetween val="between"/>
      </c:valAx>
      <c:dateAx>
        <c:axId val="2046577856"/>
        <c:scaling>
          <c:orientation val="minMax"/>
        </c:scaling>
        <c:delete val="1"/>
        <c:axPos val="b"/>
        <c:numFmt formatCode="d\-mmm\-yy" sourceLinked="1"/>
        <c:majorTickMark val="out"/>
        <c:minorTickMark val="none"/>
        <c:tickLblPos val="nextTo"/>
        <c:crossAx val="2046579824"/>
        <c:crosses val="autoZero"/>
        <c:auto val="1"/>
        <c:lblOffset val="100"/>
        <c:baseTimeUnit val="days"/>
        <c:majorUnit val="1"/>
        <c:minorUnit val="1"/>
      </c:dateAx>
      <c:spPr>
        <a:noFill/>
        <a:ln>
          <a:noFill/>
        </a:ln>
        <a:effectLst/>
      </c:spPr>
    </c:plotArea>
    <c:legend>
      <c:legendPos val="b"/>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sz="1400" b="0">
          <a:solidFill>
            <a:sysClr val="windowText" lastClr="000000"/>
          </a:solidFill>
          <a:latin typeface="Arial" panose="020B0604020202020204" pitchFamily="34" charset="0"/>
          <a:cs typeface="Arial" panose="020B0604020202020204" pitchFamily="34" charset="0"/>
        </a:defRPr>
      </a:pPr>
      <a:endParaRPr lang="en-US"/>
    </a:p>
  </c:txPr>
  <c:externalData r:id="rId4">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9.8152325283089772E-2"/>
          <c:y val="2.9165301037877883E-2"/>
          <c:w val="0.81634487257649735"/>
          <c:h val="0.73010793875030999"/>
        </c:manualLayout>
      </c:layout>
      <c:barChart>
        <c:barDir val="col"/>
        <c:grouping val="stacked"/>
        <c:varyColors val="0"/>
        <c:ser>
          <c:idx val="0"/>
          <c:order val="0"/>
          <c:tx>
            <c:strRef>
              <c:f>ES_Summary!$H$336</c:f>
              <c:strCache>
                <c:ptCount val="1"/>
                <c:pt idx="0">
                  <c:v>Biomass</c:v>
                </c:pt>
              </c:strCache>
            </c:strRef>
          </c:tx>
          <c:spPr>
            <a:solidFill>
              <a:srgbClr val="28B1B5"/>
            </a:solidFill>
            <a:ln>
              <a:noFill/>
            </a:ln>
            <a:effectLst/>
          </c:spPr>
          <c:invertIfNegative val="0"/>
          <c:cat>
            <c:numRef>
              <c:f>ES_Summary!$A$337:$A$463</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ES_Summary!$H$337:$H$463</c:f>
              <c:numCache>
                <c:formatCode>General</c:formatCode>
                <c:ptCount val="127"/>
                <c:pt idx="0">
                  <c:v>3.1333990412522716E-2</c:v>
                </c:pt>
                <c:pt idx="1">
                  <c:v>3.0443847423389125E-2</c:v>
                </c:pt>
                <c:pt idx="2">
                  <c:v>3.0316530362635208E-2</c:v>
                </c:pt>
                <c:pt idx="3">
                  <c:v>2.8529912440952709E-2</c:v>
                </c:pt>
                <c:pt idx="4">
                  <c:v>3.3149976641986934E-2</c:v>
                </c:pt>
                <c:pt idx="5">
                  <c:v>3.6071152927770189E-2</c:v>
                </c:pt>
                <c:pt idx="6">
                  <c:v>3.4570344955410892E-2</c:v>
                </c:pt>
                <c:pt idx="7">
                  <c:v>3.5143801667254282E-2</c:v>
                </c:pt>
                <c:pt idx="8">
                  <c:v>3.0765710094147303E-2</c:v>
                </c:pt>
                <c:pt idx="9">
                  <c:v>2.9656904372128423E-2</c:v>
                </c:pt>
                <c:pt idx="10">
                  <c:v>3.037026665882081E-2</c:v>
                </c:pt>
                <c:pt idx="11">
                  <c:v>3.4749748738575947E-2</c:v>
                </c:pt>
                <c:pt idx="12">
                  <c:v>3.7621777334897133E-2</c:v>
                </c:pt>
                <c:pt idx="13">
                  <c:v>3.2299595757771804E-2</c:v>
                </c:pt>
                <c:pt idx="14">
                  <c:v>3.0905724714106408E-2</c:v>
                </c:pt>
                <c:pt idx="15">
                  <c:v>3.0281794635111658E-2</c:v>
                </c:pt>
                <c:pt idx="16">
                  <c:v>3.1016232681251421E-2</c:v>
                </c:pt>
                <c:pt idx="17">
                  <c:v>3.1184049812089054E-2</c:v>
                </c:pt>
                <c:pt idx="18">
                  <c:v>3.3480626423827764E-2</c:v>
                </c:pt>
                <c:pt idx="19">
                  <c:v>3.5519286873783695E-2</c:v>
                </c:pt>
                <c:pt idx="20">
                  <c:v>3.0062549651339976E-2</c:v>
                </c:pt>
                <c:pt idx="21">
                  <c:v>3.0752900783981074E-2</c:v>
                </c:pt>
                <c:pt idx="22">
                  <c:v>3.0871567651544418E-2</c:v>
                </c:pt>
                <c:pt idx="23">
                  <c:v>3.5547910995239018E-2</c:v>
                </c:pt>
                <c:pt idx="24">
                  <c:v>3.8177368092622954E-2</c:v>
                </c:pt>
                <c:pt idx="25">
                  <c:v>3.2967867220563329E-2</c:v>
                </c:pt>
                <c:pt idx="26">
                  <c:v>3.2325783438590161E-2</c:v>
                </c:pt>
                <c:pt idx="27">
                  <c:v>2.7767491843758485E-2</c:v>
                </c:pt>
                <c:pt idx="28">
                  <c:v>2.6621314111389016E-2</c:v>
                </c:pt>
                <c:pt idx="29">
                  <c:v>2.8118114101886249E-2</c:v>
                </c:pt>
                <c:pt idx="30">
                  <c:v>3.0338028993864286E-2</c:v>
                </c:pt>
                <c:pt idx="31">
                  <c:v>2.501693466249999E-2</c:v>
                </c:pt>
                <c:pt idx="32">
                  <c:v>2.1441414902540701E-2</c:v>
                </c:pt>
                <c:pt idx="33">
                  <c:v>2.0496117350952026E-2</c:v>
                </c:pt>
                <c:pt idx="34">
                  <c:v>1.7735607677479504E-2</c:v>
                </c:pt>
                <c:pt idx="35">
                  <c:v>1.7564403958920505E-2</c:v>
                </c:pt>
                <c:pt idx="36">
                  <c:v>1.9784730485730151E-2</c:v>
                </c:pt>
                <c:pt idx="37">
                  <c:v>1.5120912524786534E-2</c:v>
                </c:pt>
                <c:pt idx="38">
                  <c:v>1.4818033319441648E-2</c:v>
                </c:pt>
                <c:pt idx="39">
                  <c:v>1.6730078672240523E-2</c:v>
                </c:pt>
                <c:pt idx="40">
                  <c:v>1.6707685896472202E-2</c:v>
                </c:pt>
                <c:pt idx="41">
                  <c:v>1.3895524534841552E-2</c:v>
                </c:pt>
                <c:pt idx="42">
                  <c:v>1.4568188652540282E-2</c:v>
                </c:pt>
                <c:pt idx="43">
                  <c:v>1.5504616635059587E-2</c:v>
                </c:pt>
                <c:pt idx="44">
                  <c:v>1.6683034490644399E-2</c:v>
                </c:pt>
                <c:pt idx="45">
                  <c:v>1.5669117353296902E-2</c:v>
                </c:pt>
                <c:pt idx="46">
                  <c:v>1.8618424051208615E-2</c:v>
                </c:pt>
                <c:pt idx="47">
                  <c:v>2.0469319121258933E-2</c:v>
                </c:pt>
                <c:pt idx="48">
                  <c:v>1.7623725079267405E-2</c:v>
                </c:pt>
                <c:pt idx="49">
                  <c:v>1.6526725558275501E-2</c:v>
                </c:pt>
                <c:pt idx="50">
                  <c:v>1.7328273444361164E-2</c:v>
                </c:pt>
                <c:pt idx="51">
                  <c:v>1.8390426774393953E-2</c:v>
                </c:pt>
                <c:pt idx="52">
                  <c:v>1.9603010180047731E-2</c:v>
                </c:pt>
                <c:pt idx="53">
                  <c:v>2.2216092824130063E-2</c:v>
                </c:pt>
                <c:pt idx="54">
                  <c:v>2.3503960369123944E-2</c:v>
                </c:pt>
                <c:pt idx="55">
                  <c:v>2.0501832589703284E-2</c:v>
                </c:pt>
                <c:pt idx="56">
                  <c:v>1.9826087836697426E-2</c:v>
                </c:pt>
                <c:pt idx="57">
                  <c:v>2.0047610146919803E-2</c:v>
                </c:pt>
                <c:pt idx="58">
                  <c:v>2.0047317515076601E-2</c:v>
                </c:pt>
                <c:pt idx="59">
                  <c:v>2.1129355045951592E-2</c:v>
                </c:pt>
                <c:pt idx="60">
                  <c:v>2.3083188534151478E-2</c:v>
                </c:pt>
                <c:pt idx="61">
                  <c:v>2.3670065992073219E-2</c:v>
                </c:pt>
                <c:pt idx="62">
                  <c:v>2.209133723784773E-2</c:v>
                </c:pt>
                <c:pt idx="63">
                  <c:v>2.1822353112967097E-2</c:v>
                </c:pt>
                <c:pt idx="64">
                  <c:v>2.1604510606909155E-2</c:v>
                </c:pt>
                <c:pt idx="65">
                  <c:v>2.1007101150586238E-2</c:v>
                </c:pt>
                <c:pt idx="66">
                  <c:v>2.214878418410704E-2</c:v>
                </c:pt>
                <c:pt idx="67">
                  <c:v>2.374183122022222E-2</c:v>
                </c:pt>
                <c:pt idx="68">
                  <c:v>2.519817329865115E-2</c:v>
                </c:pt>
                <c:pt idx="69">
                  <c:v>1.9643324750957647E-2</c:v>
                </c:pt>
                <c:pt idx="70">
                  <c:v>1.8815310952563946E-2</c:v>
                </c:pt>
                <c:pt idx="71">
                  <c:v>1.9501617154441209E-2</c:v>
                </c:pt>
                <c:pt idx="72">
                  <c:v>1.7899973947234638E-2</c:v>
                </c:pt>
                <c:pt idx="73">
                  <c:v>1.7712186543380692E-2</c:v>
                </c:pt>
                <c:pt idx="74">
                  <c:v>2.0001677232430959E-2</c:v>
                </c:pt>
                <c:pt idx="75">
                  <c:v>2.262710552012015E-2</c:v>
                </c:pt>
                <c:pt idx="76">
                  <c:v>1.861877780182597E-2</c:v>
                </c:pt>
                <c:pt idx="77">
                  <c:v>1.9850355023621535E-2</c:v>
                </c:pt>
                <c:pt idx="78">
                  <c:v>1.8929849881455518E-2</c:v>
                </c:pt>
                <c:pt idx="79">
                  <c:v>1.8234492205482122E-2</c:v>
                </c:pt>
                <c:pt idx="80">
                  <c:v>1.8393079627155418E-2</c:v>
                </c:pt>
                <c:pt idx="81">
                  <c:v>2.0867666612554459E-2</c:v>
                </c:pt>
                <c:pt idx="82">
                  <c:v>2.175081614295038E-2</c:v>
                </c:pt>
                <c:pt idx="83">
                  <c:v>1.7127057291102588E-2</c:v>
                </c:pt>
                <c:pt idx="84">
                  <c:v>1.7051257558366006E-2</c:v>
                </c:pt>
                <c:pt idx="85">
                  <c:v>1.7307049615053915E-2</c:v>
                </c:pt>
                <c:pt idx="86">
                  <c:v>1.6371427506327474E-2</c:v>
                </c:pt>
                <c:pt idx="87">
                  <c:v>1.5585277832640521E-2</c:v>
                </c:pt>
                <c:pt idx="88">
                  <c:v>1.9092408589067245E-2</c:v>
                </c:pt>
                <c:pt idx="89">
                  <c:v>2.1830724386709632E-2</c:v>
                </c:pt>
                <c:pt idx="90">
                  <c:v>2.0368243944550057E-2</c:v>
                </c:pt>
                <c:pt idx="91">
                  <c:v>1.9403268807294705E-2</c:v>
                </c:pt>
                <c:pt idx="92">
                  <c:v>1.8754983807115155E-2</c:v>
                </c:pt>
                <c:pt idx="93">
                  <c:v>1.8613016486721201E-2</c:v>
                </c:pt>
                <c:pt idx="94">
                  <c:v>1.8153475879745973E-2</c:v>
                </c:pt>
                <c:pt idx="95">
                  <c:v>2.0435615534171614E-2</c:v>
                </c:pt>
                <c:pt idx="96">
                  <c:v>2.2237344131920689E-2</c:v>
                </c:pt>
                <c:pt idx="97">
                  <c:v>1.8831237022370884E-2</c:v>
                </c:pt>
                <c:pt idx="98">
                  <c:v>1.7659114706270462E-2</c:v>
                </c:pt>
                <c:pt idx="99">
                  <c:v>1.6935734089883137E-2</c:v>
                </c:pt>
                <c:pt idx="100">
                  <c:v>1.7573251927890832E-2</c:v>
                </c:pt>
                <c:pt idx="101">
                  <c:v>1.8334663791865879E-2</c:v>
                </c:pt>
                <c:pt idx="102">
                  <c:v>2.0607677590957718E-2</c:v>
                </c:pt>
                <c:pt idx="103">
                  <c:v>2.1691287896958067E-2</c:v>
                </c:pt>
                <c:pt idx="104">
                  <c:v>1.7158342644213009E-2</c:v>
                </c:pt>
                <c:pt idx="105">
                  <c:v>1.5502852765856057E-2</c:v>
                </c:pt>
                <c:pt idx="106">
                  <c:v>1.5432716212290587E-2</c:v>
                </c:pt>
                <c:pt idx="107">
                  <c:v>1.5967376556346058E-2</c:v>
                </c:pt>
                <c:pt idx="108">
                  <c:v>1.7257433732534078E-2</c:v>
                </c:pt>
                <c:pt idx="109">
                  <c:v>1.7992939160387467E-2</c:v>
                </c:pt>
                <c:pt idx="110">
                  <c:v>1.8868418020350664E-2</c:v>
                </c:pt>
                <c:pt idx="111">
                  <c:v>1.6648611458956908E-2</c:v>
                </c:pt>
                <c:pt idx="112">
                  <c:v>1.5849520088951907E-2</c:v>
                </c:pt>
                <c:pt idx="113">
                  <c:v>1.6014555976912814E-2</c:v>
                </c:pt>
                <c:pt idx="114">
                  <c:v>1.6336096143916345E-2</c:v>
                </c:pt>
                <c:pt idx="115">
                  <c:v>1.7064915407280612E-2</c:v>
                </c:pt>
                <c:pt idx="116">
                  <c:v>2.1468708411478465E-2</c:v>
                </c:pt>
                <c:pt idx="117">
                  <c:v>2.4641377078820526E-2</c:v>
                </c:pt>
                <c:pt idx="118">
                  <c:v>2.0513085998838276E-2</c:v>
                </c:pt>
                <c:pt idx="119">
                  <c:v>2.0079464570592287E-2</c:v>
                </c:pt>
                <c:pt idx="120">
                  <c:v>2.0920857324391529E-2</c:v>
                </c:pt>
                <c:pt idx="121">
                  <c:v>2.5729915502732958E-2</c:v>
                </c:pt>
                <c:pt idx="122">
                  <c:v>2.806850860786797E-2</c:v>
                </c:pt>
                <c:pt idx="123">
                  <c:v>2.6887260139206504E-2</c:v>
                </c:pt>
                <c:pt idx="124">
                  <c:v>2.66008238543195E-2</c:v>
                </c:pt>
                <c:pt idx="125">
                  <c:v>2.3754191680810721E-2</c:v>
                </c:pt>
                <c:pt idx="126">
                  <c:v>1.9993450460935702E-2</c:v>
                </c:pt>
              </c:numCache>
            </c:numRef>
          </c:val>
          <c:extLst>
            <c:ext xmlns:c16="http://schemas.microsoft.com/office/drawing/2014/chart" uri="{C3380CC4-5D6E-409C-BE32-E72D297353CC}">
              <c16:uniqueId val="{00000000-6B73-4053-A572-EAD25FD37866}"/>
            </c:ext>
          </c:extLst>
        </c:ser>
        <c:ser>
          <c:idx val="2"/>
          <c:order val="1"/>
          <c:tx>
            <c:strRef>
              <c:f>ES_Summary!$G$336</c:f>
              <c:strCache>
                <c:ptCount val="1"/>
                <c:pt idx="0">
                  <c:v>Hydro</c:v>
                </c:pt>
              </c:strCache>
            </c:strRef>
          </c:tx>
          <c:spPr>
            <a:solidFill>
              <a:srgbClr val="0C74DA"/>
            </a:solidFill>
            <a:ln>
              <a:noFill/>
            </a:ln>
            <a:effectLst/>
          </c:spPr>
          <c:invertIfNegative val="0"/>
          <c:cat>
            <c:numRef>
              <c:f>ES_Summary!$A$337:$A$463</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ES_Summary!$G$337:$G$463</c:f>
              <c:numCache>
                <c:formatCode>General</c:formatCode>
                <c:ptCount val="127"/>
                <c:pt idx="0">
                  <c:v>0.12782020790858867</c:v>
                </c:pt>
                <c:pt idx="1">
                  <c:v>0.11485481979347305</c:v>
                </c:pt>
                <c:pt idx="2">
                  <c:v>0.12801310988421913</c:v>
                </c:pt>
                <c:pt idx="3">
                  <c:v>0.12757915658635502</c:v>
                </c:pt>
                <c:pt idx="4">
                  <c:v>0.10785208519470002</c:v>
                </c:pt>
                <c:pt idx="5">
                  <c:v>9.4875204564144514E-2</c:v>
                </c:pt>
                <c:pt idx="6">
                  <c:v>9.1092060441606781E-2</c:v>
                </c:pt>
                <c:pt idx="7">
                  <c:v>0.12424489422916131</c:v>
                </c:pt>
                <c:pt idx="8">
                  <c:v>0.1691236881712517</c:v>
                </c:pt>
                <c:pt idx="9">
                  <c:v>0.15267160494566881</c:v>
                </c:pt>
                <c:pt idx="10">
                  <c:v>0.14447354006362284</c:v>
                </c:pt>
                <c:pt idx="11">
                  <c:v>0.16373945677195995</c:v>
                </c:pt>
                <c:pt idx="12">
                  <c:v>0.19252143014969703</c:v>
                </c:pt>
                <c:pt idx="13">
                  <c:v>0.18762936607208724</c:v>
                </c:pt>
                <c:pt idx="14">
                  <c:v>0.18148548999284456</c:v>
                </c:pt>
                <c:pt idx="15">
                  <c:v>0.19830829514267842</c:v>
                </c:pt>
                <c:pt idx="16">
                  <c:v>0.2312174625114021</c:v>
                </c:pt>
                <c:pt idx="17">
                  <c:v>0.19201497048549365</c:v>
                </c:pt>
                <c:pt idx="18">
                  <c:v>0.19689924744119014</c:v>
                </c:pt>
                <c:pt idx="19">
                  <c:v>0.21251893153999304</c:v>
                </c:pt>
                <c:pt idx="20">
                  <c:v>0.1995292243191332</c:v>
                </c:pt>
                <c:pt idx="21">
                  <c:v>0.17876666195116356</c:v>
                </c:pt>
                <c:pt idx="22">
                  <c:v>0.18774512490202064</c:v>
                </c:pt>
                <c:pt idx="23">
                  <c:v>0.176184999173879</c:v>
                </c:pt>
                <c:pt idx="24">
                  <c:v>0.14777873713937772</c:v>
                </c:pt>
                <c:pt idx="25">
                  <c:v>0.17505422968425233</c:v>
                </c:pt>
                <c:pt idx="26">
                  <c:v>0.16446550315255423</c:v>
                </c:pt>
                <c:pt idx="27">
                  <c:v>0.140581876792645</c:v>
                </c:pt>
                <c:pt idx="28">
                  <c:v>0.18487254816087659</c:v>
                </c:pt>
                <c:pt idx="29">
                  <c:v>0.20320847301210906</c:v>
                </c:pt>
                <c:pt idx="30">
                  <c:v>0.20368898617342476</c:v>
                </c:pt>
                <c:pt idx="31">
                  <c:v>0.20108759370640583</c:v>
                </c:pt>
                <c:pt idx="32">
                  <c:v>0.18694396874354358</c:v>
                </c:pt>
                <c:pt idx="33">
                  <c:v>0.19150821008319374</c:v>
                </c:pt>
                <c:pt idx="34">
                  <c:v>0.24826972881623557</c:v>
                </c:pt>
                <c:pt idx="35">
                  <c:v>0.2453129257110441</c:v>
                </c:pt>
                <c:pt idx="36">
                  <c:v>0.2632883529161712</c:v>
                </c:pt>
                <c:pt idx="37">
                  <c:v>0.20180383205650931</c:v>
                </c:pt>
                <c:pt idx="38">
                  <c:v>0.18838217361024964</c:v>
                </c:pt>
                <c:pt idx="39">
                  <c:v>0.17792582179338082</c:v>
                </c:pt>
                <c:pt idx="40">
                  <c:v>0.17625561408676063</c:v>
                </c:pt>
                <c:pt idx="41">
                  <c:v>0.16731467730138794</c:v>
                </c:pt>
                <c:pt idx="42">
                  <c:v>0.19233600345233381</c:v>
                </c:pt>
                <c:pt idx="43">
                  <c:v>0.18622682127284507</c:v>
                </c:pt>
                <c:pt idx="44">
                  <c:v>0.18186436633230937</c:v>
                </c:pt>
                <c:pt idx="45">
                  <c:v>0.18292721649491198</c:v>
                </c:pt>
                <c:pt idx="46">
                  <c:v>0.19638744284701315</c:v>
                </c:pt>
                <c:pt idx="47">
                  <c:v>0.18133376330866979</c:v>
                </c:pt>
                <c:pt idx="48">
                  <c:v>0.20429166558064019</c:v>
                </c:pt>
                <c:pt idx="49">
                  <c:v>0.1771710589911395</c:v>
                </c:pt>
                <c:pt idx="50">
                  <c:v>0.14756721409702686</c:v>
                </c:pt>
                <c:pt idx="51">
                  <c:v>0.15067015649946056</c:v>
                </c:pt>
                <c:pt idx="52">
                  <c:v>0.14955957681599852</c:v>
                </c:pt>
                <c:pt idx="53">
                  <c:v>0.12494770637750695</c:v>
                </c:pt>
                <c:pt idx="54">
                  <c:v>0.14469349965135517</c:v>
                </c:pt>
                <c:pt idx="55">
                  <c:v>0.18897461775740101</c:v>
                </c:pt>
                <c:pt idx="56">
                  <c:v>0.22761100666722908</c:v>
                </c:pt>
                <c:pt idx="57">
                  <c:v>0.20813704104088737</c:v>
                </c:pt>
                <c:pt idx="58">
                  <c:v>0.21017732797989422</c:v>
                </c:pt>
                <c:pt idx="59">
                  <c:v>0.22179000108060995</c:v>
                </c:pt>
                <c:pt idx="60">
                  <c:v>0.19911282142923981</c:v>
                </c:pt>
                <c:pt idx="61">
                  <c:v>0.2108865110477984</c:v>
                </c:pt>
                <c:pt idx="62">
                  <c:v>0.21187586406145051</c:v>
                </c:pt>
                <c:pt idx="63">
                  <c:v>0.21435319542964412</c:v>
                </c:pt>
                <c:pt idx="64">
                  <c:v>0.21884584017242939</c:v>
                </c:pt>
                <c:pt idx="65">
                  <c:v>0.26128241797378354</c:v>
                </c:pt>
                <c:pt idx="66">
                  <c:v>0.26097707035257017</c:v>
                </c:pt>
                <c:pt idx="67">
                  <c:v>0.26324625611764779</c:v>
                </c:pt>
                <c:pt idx="68">
                  <c:v>0.23232594241364957</c:v>
                </c:pt>
                <c:pt idx="69">
                  <c:v>0.22353280332087153</c:v>
                </c:pt>
                <c:pt idx="70">
                  <c:v>0.23060909218281142</c:v>
                </c:pt>
                <c:pt idx="71">
                  <c:v>0.24991220281048751</c:v>
                </c:pt>
                <c:pt idx="72">
                  <c:v>0.27620220661611145</c:v>
                </c:pt>
                <c:pt idx="73">
                  <c:v>0.25990522051506665</c:v>
                </c:pt>
                <c:pt idx="74">
                  <c:v>0.2864879622257066</c:v>
                </c:pt>
                <c:pt idx="75">
                  <c:v>0.27771676165431752</c:v>
                </c:pt>
                <c:pt idx="76">
                  <c:v>0.24052350698599589</c:v>
                </c:pt>
                <c:pt idx="77">
                  <c:v>0.16312400962542936</c:v>
                </c:pt>
                <c:pt idx="78">
                  <c:v>0.16910326689701563</c:v>
                </c:pt>
                <c:pt idx="79">
                  <c:v>0.17487785929925417</c:v>
                </c:pt>
                <c:pt idx="80">
                  <c:v>0.26352517484588261</c:v>
                </c:pt>
                <c:pt idx="81">
                  <c:v>0.29468081327438017</c:v>
                </c:pt>
                <c:pt idx="82">
                  <c:v>0.28945860758682479</c:v>
                </c:pt>
                <c:pt idx="83">
                  <c:v>0.23086981420181674</c:v>
                </c:pt>
                <c:pt idx="84">
                  <c:v>0.21956636276547045</c:v>
                </c:pt>
                <c:pt idx="85">
                  <c:v>0.1854522701841631</c:v>
                </c:pt>
                <c:pt idx="86">
                  <c:v>0.17586765224163284</c:v>
                </c:pt>
                <c:pt idx="87">
                  <c:v>0.19203687497359831</c:v>
                </c:pt>
                <c:pt idx="88">
                  <c:v>0.2553295991437729</c:v>
                </c:pt>
                <c:pt idx="89">
                  <c:v>0.26517485708010419</c:v>
                </c:pt>
                <c:pt idx="90">
                  <c:v>0.25327154692922288</c:v>
                </c:pt>
                <c:pt idx="91">
                  <c:v>0.27257848295481807</c:v>
                </c:pt>
                <c:pt idx="92">
                  <c:v>0.26909623481494926</c:v>
                </c:pt>
                <c:pt idx="93">
                  <c:v>0.24506799553448425</c:v>
                </c:pt>
                <c:pt idx="94">
                  <c:v>0.22977848253910613</c:v>
                </c:pt>
                <c:pt idx="95">
                  <c:v>0.22817926784563927</c:v>
                </c:pt>
                <c:pt idx="96">
                  <c:v>0.22879830291706918</c:v>
                </c:pt>
                <c:pt idx="97">
                  <c:v>0.24398098424666737</c:v>
                </c:pt>
                <c:pt idx="98">
                  <c:v>0.23063467408037477</c:v>
                </c:pt>
                <c:pt idx="99">
                  <c:v>0.20918892885288273</c:v>
                </c:pt>
                <c:pt idx="100">
                  <c:v>0.17675781327917117</c:v>
                </c:pt>
                <c:pt idx="101">
                  <c:v>0.18770868585545267</c:v>
                </c:pt>
                <c:pt idx="102">
                  <c:v>0.17317840249366145</c:v>
                </c:pt>
                <c:pt idx="103">
                  <c:v>0.16066362139763748</c:v>
                </c:pt>
                <c:pt idx="104">
                  <c:v>0.19196612216732722</c:v>
                </c:pt>
                <c:pt idx="105">
                  <c:v>0.16989484395774931</c:v>
                </c:pt>
                <c:pt idx="106">
                  <c:v>0.13731119874784917</c:v>
                </c:pt>
                <c:pt idx="107">
                  <c:v>0.17616862668582831</c:v>
                </c:pt>
                <c:pt idx="108">
                  <c:v>0.15271496872997034</c:v>
                </c:pt>
                <c:pt idx="109">
                  <c:v>0.10383182827385852</c:v>
                </c:pt>
                <c:pt idx="110">
                  <c:v>0.11174870414140438</c:v>
                </c:pt>
                <c:pt idx="111">
                  <c:v>0.16563465624815712</c:v>
                </c:pt>
                <c:pt idx="112">
                  <c:v>0.19990825760234379</c:v>
                </c:pt>
                <c:pt idx="113">
                  <c:v>0.22989348002109986</c:v>
                </c:pt>
                <c:pt idx="114">
                  <c:v>0.21794687247811365</c:v>
                </c:pt>
                <c:pt idx="115">
                  <c:v>0.19845070982591395</c:v>
                </c:pt>
                <c:pt idx="116">
                  <c:v>0.16667667105404194</c:v>
                </c:pt>
                <c:pt idx="117">
                  <c:v>0.13140445835872103</c:v>
                </c:pt>
                <c:pt idx="118">
                  <c:v>0.15960351543862425</c:v>
                </c:pt>
                <c:pt idx="119">
                  <c:v>0.18123641016499312</c:v>
                </c:pt>
                <c:pt idx="120">
                  <c:v>0.14413902532319189</c:v>
                </c:pt>
                <c:pt idx="121">
                  <c:v>0.13741503851838668</c:v>
                </c:pt>
                <c:pt idx="122">
                  <c:v>0.15794060848029673</c:v>
                </c:pt>
                <c:pt idx="123">
                  <c:v>0.10756260541368583</c:v>
                </c:pt>
                <c:pt idx="124">
                  <c:v>0.11689837776195088</c:v>
                </c:pt>
                <c:pt idx="125">
                  <c:v>0.14217508597504036</c:v>
                </c:pt>
                <c:pt idx="126">
                  <c:v>0.14069251180194575</c:v>
                </c:pt>
              </c:numCache>
            </c:numRef>
          </c:val>
          <c:extLst>
            <c:ext xmlns:c16="http://schemas.microsoft.com/office/drawing/2014/chart" uri="{C3380CC4-5D6E-409C-BE32-E72D297353CC}">
              <c16:uniqueId val="{00000001-6B73-4053-A572-EAD25FD37866}"/>
            </c:ext>
          </c:extLst>
        </c:ser>
        <c:ser>
          <c:idx val="4"/>
          <c:order val="3"/>
          <c:tx>
            <c:strRef>
              <c:f>ES_Summary!$J$336</c:f>
              <c:strCache>
                <c:ptCount val="1"/>
                <c:pt idx="0">
                  <c:v>Solar</c:v>
                </c:pt>
              </c:strCache>
            </c:strRef>
          </c:tx>
          <c:spPr>
            <a:solidFill>
              <a:srgbClr val="FFD800"/>
            </a:solidFill>
            <a:ln>
              <a:noFill/>
            </a:ln>
            <a:effectLst/>
          </c:spPr>
          <c:invertIfNegative val="0"/>
          <c:cat>
            <c:numRef>
              <c:f>ES_Summary!$A$337:$A$463</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ES_Summary!$J$337:$J$462</c:f>
              <c:numCache>
                <c:formatCode>General</c:formatCode>
                <c:ptCount val="126"/>
                <c:pt idx="0">
                  <c:v>4.3074499965274481E-2</c:v>
                </c:pt>
                <c:pt idx="1">
                  <c:v>4.1685901545364341E-2</c:v>
                </c:pt>
                <c:pt idx="2">
                  <c:v>4.7762410189314791E-2</c:v>
                </c:pt>
                <c:pt idx="3">
                  <c:v>1.8638881929798144E-2</c:v>
                </c:pt>
                <c:pt idx="4">
                  <c:v>4.5716437948746476E-2</c:v>
                </c:pt>
                <c:pt idx="5">
                  <c:v>3.7219785837300789E-2</c:v>
                </c:pt>
                <c:pt idx="6">
                  <c:v>1.9651100442283968E-2</c:v>
                </c:pt>
                <c:pt idx="7">
                  <c:v>3.4587802653042066E-2</c:v>
                </c:pt>
                <c:pt idx="8">
                  <c:v>3.4569387514353178E-2</c:v>
                </c:pt>
                <c:pt idx="9">
                  <c:v>1.139468615413787E-2</c:v>
                </c:pt>
                <c:pt idx="10">
                  <c:v>1.2373908450748721E-2</c:v>
                </c:pt>
                <c:pt idx="11">
                  <c:v>4.2496515540745537E-2</c:v>
                </c:pt>
                <c:pt idx="12">
                  <c:v>3.4129922988663866E-2</c:v>
                </c:pt>
                <c:pt idx="13">
                  <c:v>1.4981883124501646E-2</c:v>
                </c:pt>
                <c:pt idx="14">
                  <c:v>3.6198923583733708E-2</c:v>
                </c:pt>
                <c:pt idx="15">
                  <c:v>2.2201718960261841E-2</c:v>
                </c:pt>
                <c:pt idx="16">
                  <c:v>2.6339176006359155E-2</c:v>
                </c:pt>
                <c:pt idx="17">
                  <c:v>2.6975466617400454E-2</c:v>
                </c:pt>
                <c:pt idx="18">
                  <c:v>1.6487507133035866E-2</c:v>
                </c:pt>
                <c:pt idx="19">
                  <c:v>4.0036613554204369E-2</c:v>
                </c:pt>
                <c:pt idx="20">
                  <c:v>3.2947475813829577E-2</c:v>
                </c:pt>
                <c:pt idx="21">
                  <c:v>3.8842801911621955E-2</c:v>
                </c:pt>
                <c:pt idx="22">
                  <c:v>2.5503782640704367E-2</c:v>
                </c:pt>
                <c:pt idx="23">
                  <c:v>3.263687169112315E-2</c:v>
                </c:pt>
                <c:pt idx="24">
                  <c:v>5.7667538684285646E-2</c:v>
                </c:pt>
                <c:pt idx="25">
                  <c:v>6.3865608786707481E-2</c:v>
                </c:pt>
                <c:pt idx="26">
                  <c:v>5.5820122410197896E-2</c:v>
                </c:pt>
                <c:pt idx="27">
                  <c:v>3.5076078018429865E-2</c:v>
                </c:pt>
                <c:pt idx="28">
                  <c:v>3.2932379460323069E-2</c:v>
                </c:pt>
                <c:pt idx="29">
                  <c:v>5.3023176360151129E-2</c:v>
                </c:pt>
                <c:pt idx="30">
                  <c:v>4.3569560847766774E-2</c:v>
                </c:pt>
                <c:pt idx="31">
                  <c:v>5.1561998474023346E-2</c:v>
                </c:pt>
                <c:pt idx="32">
                  <c:v>5.3763979700484528E-2</c:v>
                </c:pt>
                <c:pt idx="33">
                  <c:v>6.0493349075162454E-2</c:v>
                </c:pt>
                <c:pt idx="34">
                  <c:v>3.2501957868952276E-2</c:v>
                </c:pt>
                <c:pt idx="35">
                  <c:v>3.6223264309207186E-2</c:v>
                </c:pt>
                <c:pt idx="36">
                  <c:v>3.5642813101751672E-2</c:v>
                </c:pt>
                <c:pt idx="37">
                  <c:v>1.0086073595766147E-2</c:v>
                </c:pt>
                <c:pt idx="38">
                  <c:v>7.4729069385428169E-3</c:v>
                </c:pt>
                <c:pt idx="39">
                  <c:v>1.8517478868801108E-2</c:v>
                </c:pt>
                <c:pt idx="40">
                  <c:v>2.5197094065193795E-2</c:v>
                </c:pt>
                <c:pt idx="41">
                  <c:v>4.2843520507423426E-2</c:v>
                </c:pt>
                <c:pt idx="42">
                  <c:v>4.9555877110522201E-2</c:v>
                </c:pt>
                <c:pt idx="43">
                  <c:v>5.1114241737128641E-2</c:v>
                </c:pt>
                <c:pt idx="44">
                  <c:v>4.6107440161733439E-2</c:v>
                </c:pt>
                <c:pt idx="45">
                  <c:v>4.7094931755541497E-2</c:v>
                </c:pt>
                <c:pt idx="46">
                  <c:v>6.1378127494927777E-2</c:v>
                </c:pt>
                <c:pt idx="47">
                  <c:v>6.5974082407595294E-2</c:v>
                </c:pt>
                <c:pt idx="48">
                  <c:v>5.4260806991607097E-2</c:v>
                </c:pt>
                <c:pt idx="49">
                  <c:v>3.8231075314019293E-2</c:v>
                </c:pt>
                <c:pt idx="50">
                  <c:v>1.2009863667714315E-2</c:v>
                </c:pt>
                <c:pt idx="51">
                  <c:v>2.240624811080931E-2</c:v>
                </c:pt>
                <c:pt idx="52">
                  <c:v>2.8240079494718101E-2</c:v>
                </c:pt>
                <c:pt idx="53">
                  <c:v>2.5414408724530071E-2</c:v>
                </c:pt>
                <c:pt idx="54">
                  <c:v>4.5319243555420545E-2</c:v>
                </c:pt>
                <c:pt idx="55">
                  <c:v>1.5885223690920953E-2</c:v>
                </c:pt>
                <c:pt idx="56">
                  <c:v>2.2501222613242475E-2</c:v>
                </c:pt>
                <c:pt idx="57">
                  <c:v>3.5735945449237312E-2</c:v>
                </c:pt>
                <c:pt idx="58">
                  <c:v>4.7873658183178208E-2</c:v>
                </c:pt>
                <c:pt idx="59">
                  <c:v>4.1430685603518681E-2</c:v>
                </c:pt>
                <c:pt idx="60">
                  <c:v>4.2869087145363922E-2</c:v>
                </c:pt>
                <c:pt idx="61">
                  <c:v>2.6089047551071411E-2</c:v>
                </c:pt>
                <c:pt idx="62">
                  <c:v>4.4941382109572346E-2</c:v>
                </c:pt>
                <c:pt idx="63">
                  <c:v>3.7933158600913092E-2</c:v>
                </c:pt>
                <c:pt idx="64">
                  <c:v>3.2467858561276285E-2</c:v>
                </c:pt>
                <c:pt idx="65">
                  <c:v>3.0921270860943224E-2</c:v>
                </c:pt>
                <c:pt idx="66">
                  <c:v>2.7215032261686371E-2</c:v>
                </c:pt>
                <c:pt idx="67">
                  <c:v>3.1569683420228499E-2</c:v>
                </c:pt>
                <c:pt idx="68">
                  <c:v>4.5554797167791698E-2</c:v>
                </c:pt>
                <c:pt idx="69">
                  <c:v>3.0580676381204184E-2</c:v>
                </c:pt>
                <c:pt idx="70">
                  <c:v>1.1822004768443091E-2</c:v>
                </c:pt>
                <c:pt idx="71">
                  <c:v>4.0106764121133814E-2</c:v>
                </c:pt>
                <c:pt idx="72">
                  <c:v>3.3658112490881582E-2</c:v>
                </c:pt>
                <c:pt idx="73">
                  <c:v>5.9355284218809569E-2</c:v>
                </c:pt>
                <c:pt idx="74">
                  <c:v>7.8992374334080129E-2</c:v>
                </c:pt>
                <c:pt idx="75">
                  <c:v>9.2670607538861749E-2</c:v>
                </c:pt>
                <c:pt idx="76">
                  <c:v>6.4206688443970053E-2</c:v>
                </c:pt>
                <c:pt idx="77">
                  <c:v>3.9652018868603901E-2</c:v>
                </c:pt>
                <c:pt idx="78">
                  <c:v>4.8912770040216852E-2</c:v>
                </c:pt>
                <c:pt idx="79">
                  <c:v>5.370381311591374E-2</c:v>
                </c:pt>
                <c:pt idx="80">
                  <c:v>3.600415529830836E-2</c:v>
                </c:pt>
                <c:pt idx="81">
                  <c:v>4.5780520329635137E-2</c:v>
                </c:pt>
                <c:pt idx="82">
                  <c:v>3.8073820065755937E-2</c:v>
                </c:pt>
                <c:pt idx="83">
                  <c:v>1.2134451353731387E-2</c:v>
                </c:pt>
                <c:pt idx="84">
                  <c:v>9.0879651465362397E-3</c:v>
                </c:pt>
                <c:pt idx="85">
                  <c:v>1.9491399620644959E-2</c:v>
                </c:pt>
                <c:pt idx="86">
                  <c:v>2.5202303294577556E-2</c:v>
                </c:pt>
                <c:pt idx="87">
                  <c:v>5.0616264108801413E-2</c:v>
                </c:pt>
                <c:pt idx="88">
                  <c:v>6.8164624540955496E-2</c:v>
                </c:pt>
                <c:pt idx="89">
                  <c:v>7.5430866638312041E-2</c:v>
                </c:pt>
                <c:pt idx="90">
                  <c:v>3.2131709855130773E-2</c:v>
                </c:pt>
                <c:pt idx="91">
                  <c:v>3.9243995269633895E-2</c:v>
                </c:pt>
                <c:pt idx="92">
                  <c:v>4.5427137678488272E-2</c:v>
                </c:pt>
                <c:pt idx="93">
                  <c:v>4.7746146107796351E-2</c:v>
                </c:pt>
                <c:pt idx="94">
                  <c:v>3.7351799823464725E-2</c:v>
                </c:pt>
                <c:pt idx="95">
                  <c:v>5.9654219978268204E-2</c:v>
                </c:pt>
                <c:pt idx="96">
                  <c:v>5.7672275297396464E-2</c:v>
                </c:pt>
                <c:pt idx="97">
                  <c:v>4.1780692648551165E-2</c:v>
                </c:pt>
                <c:pt idx="98">
                  <c:v>6.8216269910098645E-2</c:v>
                </c:pt>
                <c:pt idx="99">
                  <c:v>0.10442039913005592</c:v>
                </c:pt>
                <c:pt idx="100">
                  <c:v>9.5045233196135226E-2</c:v>
                </c:pt>
                <c:pt idx="101">
                  <c:v>8.8257787905480889E-2</c:v>
                </c:pt>
                <c:pt idx="102">
                  <c:v>0.1348308517790964</c:v>
                </c:pt>
                <c:pt idx="103">
                  <c:v>0.14476542185600894</c:v>
                </c:pt>
                <c:pt idx="104">
                  <c:v>0.11615658682814856</c:v>
                </c:pt>
                <c:pt idx="105">
                  <c:v>0.11704461161828696</c:v>
                </c:pt>
                <c:pt idx="106">
                  <c:v>0.11945611422600644</c:v>
                </c:pt>
                <c:pt idx="107">
                  <c:v>9.3583675704862077E-2</c:v>
                </c:pt>
                <c:pt idx="108">
                  <c:v>7.3093761318361261E-2</c:v>
                </c:pt>
                <c:pt idx="109">
                  <c:v>0.11285311600673216</c:v>
                </c:pt>
                <c:pt idx="110">
                  <c:v>0.14959801625621602</c:v>
                </c:pt>
                <c:pt idx="111">
                  <c:v>0.12152420205765994</c:v>
                </c:pt>
                <c:pt idx="112">
                  <c:v>0.12688123973748414</c:v>
                </c:pt>
                <c:pt idx="113">
                  <c:v>0.1226990457857936</c:v>
                </c:pt>
                <c:pt idx="114">
                  <c:v>0.11987887202833018</c:v>
                </c:pt>
                <c:pt idx="115">
                  <c:v>8.5424597762217988E-2</c:v>
                </c:pt>
                <c:pt idx="116">
                  <c:v>9.3619931523343539E-2</c:v>
                </c:pt>
                <c:pt idx="117">
                  <c:v>0.13781591978552374</c:v>
                </c:pt>
                <c:pt idx="118">
                  <c:v>7.2663882271572611E-2</c:v>
                </c:pt>
                <c:pt idx="119">
                  <c:v>6.1494229615877777E-2</c:v>
                </c:pt>
                <c:pt idx="120">
                  <c:v>0.10344189108869963</c:v>
                </c:pt>
                <c:pt idx="121">
                  <c:v>9.8266091863628668E-2</c:v>
                </c:pt>
                <c:pt idx="122">
                  <c:v>0.10705838935292435</c:v>
                </c:pt>
                <c:pt idx="123">
                  <c:v>0.1148786108991121</c:v>
                </c:pt>
                <c:pt idx="124">
                  <c:v>0.15072189443378906</c:v>
                </c:pt>
                <c:pt idx="125">
                  <c:v>0.14485530613621564</c:v>
                </c:pt>
              </c:numCache>
            </c:numRef>
          </c:val>
          <c:extLst>
            <c:ext xmlns:c16="http://schemas.microsoft.com/office/drawing/2014/chart" uri="{C3380CC4-5D6E-409C-BE32-E72D297353CC}">
              <c16:uniqueId val="{00000002-6B73-4053-A572-EAD25FD37866}"/>
            </c:ext>
          </c:extLst>
        </c:ser>
        <c:ser>
          <c:idx val="3"/>
          <c:order val="4"/>
          <c:tx>
            <c:strRef>
              <c:f>ES_Summary!$I$336</c:f>
              <c:strCache>
                <c:ptCount val="1"/>
                <c:pt idx="0">
                  <c:v>Wind</c:v>
                </c:pt>
              </c:strCache>
            </c:strRef>
          </c:tx>
          <c:spPr>
            <a:solidFill>
              <a:srgbClr val="6C46AA"/>
            </a:solidFill>
            <a:ln>
              <a:noFill/>
            </a:ln>
            <a:effectLst/>
          </c:spPr>
          <c:invertIfNegative val="0"/>
          <c:dLbls>
            <c:dLbl>
              <c:idx val="60"/>
              <c:layout>
                <c:manualLayout>
                  <c:x val="-5.3550286050272962E-2"/>
                  <c:y val="0.35825477252063637"/>
                </c:manualLayout>
              </c:layout>
              <c:tx>
                <c:rich>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a:t>RES 86%</a:t>
                    </a:r>
                  </a:p>
                  <a:p>
                    <a:pPr algn="l">
                      <a:defRPr/>
                    </a:pPr>
                    <a:r>
                      <a:rPr lang="en-US"/>
                      <a:t>€4/MWh</a:t>
                    </a:r>
                  </a:p>
                </c:rich>
              </c:tx>
              <c:spPr>
                <a:solidFill>
                  <a:schemeClr val="bg1"/>
                </a:solid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3-6B73-4053-A572-EAD25FD37866}"/>
                </c:ext>
              </c:extLst>
            </c:dLbl>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0"/>
            <c:showCatName val="0"/>
            <c:showSerName val="0"/>
            <c:showPercent val="0"/>
            <c:showBubbleSize val="0"/>
            <c:extLst>
              <c:ext xmlns:c15="http://schemas.microsoft.com/office/drawing/2012/chart" uri="{CE6537A1-D6FC-4f65-9D91-7224C49458BB}">
                <c15:showLeaderLines val="0"/>
              </c:ext>
            </c:extLst>
          </c:dLbls>
          <c:cat>
            <c:numRef>
              <c:f>ES_Summary!$A$337:$A$463</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ES_Summary!$I$337:$I$463</c:f>
              <c:numCache>
                <c:formatCode>General</c:formatCode>
                <c:ptCount val="127"/>
                <c:pt idx="0">
                  <c:v>0.2345133595957006</c:v>
                </c:pt>
                <c:pt idx="1">
                  <c:v>0.36335066851159431</c:v>
                </c:pt>
                <c:pt idx="2">
                  <c:v>0.29354606730383703</c:v>
                </c:pt>
                <c:pt idx="3">
                  <c:v>0.41720086957681479</c:v>
                </c:pt>
                <c:pt idx="4">
                  <c:v>0.40065656214665074</c:v>
                </c:pt>
                <c:pt idx="5">
                  <c:v>0.49157678403213984</c:v>
                </c:pt>
                <c:pt idx="6">
                  <c:v>0.56493222140122568</c:v>
                </c:pt>
                <c:pt idx="7">
                  <c:v>0.52609547940687107</c:v>
                </c:pt>
                <c:pt idx="8">
                  <c:v>0.35945786649523964</c:v>
                </c:pt>
                <c:pt idx="9">
                  <c:v>0.4744548438518732</c:v>
                </c:pt>
                <c:pt idx="10">
                  <c:v>0.51263719234956251</c:v>
                </c:pt>
                <c:pt idx="11">
                  <c:v>0.52811646631597509</c:v>
                </c:pt>
                <c:pt idx="12">
                  <c:v>0.33402103963794733</c:v>
                </c:pt>
                <c:pt idx="13">
                  <c:v>0.24514046612899146</c:v>
                </c:pt>
                <c:pt idx="14">
                  <c:v>0.26312132194195398</c:v>
                </c:pt>
                <c:pt idx="15">
                  <c:v>0.22964872082088852</c:v>
                </c:pt>
                <c:pt idx="16">
                  <c:v>8.4732593537113529E-2</c:v>
                </c:pt>
                <c:pt idx="17">
                  <c:v>0.16745781095382037</c:v>
                </c:pt>
                <c:pt idx="18">
                  <c:v>0.21250270408733399</c:v>
                </c:pt>
                <c:pt idx="19">
                  <c:v>0.20974739542381238</c:v>
                </c:pt>
                <c:pt idx="20">
                  <c:v>0.22768391834035595</c:v>
                </c:pt>
                <c:pt idx="21">
                  <c:v>0.18793340363343902</c:v>
                </c:pt>
                <c:pt idx="22">
                  <c:v>0.21230254422589412</c:v>
                </c:pt>
                <c:pt idx="23">
                  <c:v>0.22069746475867305</c:v>
                </c:pt>
                <c:pt idx="24">
                  <c:v>0.53358124920595751</c:v>
                </c:pt>
                <c:pt idx="25">
                  <c:v>0.3996761383282561</c:v>
                </c:pt>
                <c:pt idx="26">
                  <c:v>0.42710253270673193</c:v>
                </c:pt>
                <c:pt idx="27">
                  <c:v>0.57433726156421805</c:v>
                </c:pt>
                <c:pt idx="28">
                  <c:v>0.46285619273926165</c:v>
                </c:pt>
                <c:pt idx="29">
                  <c:v>0.35253370287071295</c:v>
                </c:pt>
                <c:pt idx="30">
                  <c:v>0.37026514446636827</c:v>
                </c:pt>
                <c:pt idx="31">
                  <c:v>0.42037639726379933</c:v>
                </c:pt>
                <c:pt idx="32">
                  <c:v>0.43333866689926026</c:v>
                </c:pt>
                <c:pt idx="33">
                  <c:v>0.35708112259654556</c:v>
                </c:pt>
                <c:pt idx="34">
                  <c:v>0.18311290538440597</c:v>
                </c:pt>
                <c:pt idx="35">
                  <c:v>0.10034451800371813</c:v>
                </c:pt>
                <c:pt idx="36">
                  <c:v>0.10480593522173383</c:v>
                </c:pt>
                <c:pt idx="37">
                  <c:v>0.12919788378075603</c:v>
                </c:pt>
                <c:pt idx="38">
                  <c:v>0.27380133495260522</c:v>
                </c:pt>
                <c:pt idx="39">
                  <c:v>0.3378190739998575</c:v>
                </c:pt>
                <c:pt idx="40">
                  <c:v>0.36846723493994182</c:v>
                </c:pt>
                <c:pt idx="41">
                  <c:v>0.29892281454034747</c:v>
                </c:pt>
                <c:pt idx="42">
                  <c:v>0.20628687541125265</c:v>
                </c:pt>
                <c:pt idx="43">
                  <c:v>0.21604146025750462</c:v>
                </c:pt>
                <c:pt idx="44">
                  <c:v>0.25937876878637772</c:v>
                </c:pt>
                <c:pt idx="45">
                  <c:v>0.27087514658286382</c:v>
                </c:pt>
                <c:pt idx="46">
                  <c:v>0.24801013317213505</c:v>
                </c:pt>
                <c:pt idx="47">
                  <c:v>0.24048270327769294</c:v>
                </c:pt>
                <c:pt idx="48">
                  <c:v>8.9382008412289729E-2</c:v>
                </c:pt>
                <c:pt idx="49">
                  <c:v>0.1826758876692437</c:v>
                </c:pt>
                <c:pt idx="50">
                  <c:v>0.40728658366826886</c:v>
                </c:pt>
                <c:pt idx="51">
                  <c:v>0.50118196945717663</c:v>
                </c:pt>
                <c:pt idx="52">
                  <c:v>0.51789848711101594</c:v>
                </c:pt>
                <c:pt idx="53">
                  <c:v>0.60709304029396494</c:v>
                </c:pt>
                <c:pt idx="54">
                  <c:v>0.5650403207576965</c:v>
                </c:pt>
                <c:pt idx="55">
                  <c:v>0.38549415111623886</c:v>
                </c:pt>
                <c:pt idx="56">
                  <c:v>0.21870875766517286</c:v>
                </c:pt>
                <c:pt idx="57">
                  <c:v>0.30608052334896879</c:v>
                </c:pt>
                <c:pt idx="58">
                  <c:v>0.3309303387607383</c:v>
                </c:pt>
                <c:pt idx="59">
                  <c:v>0.37304289634527837</c:v>
                </c:pt>
                <c:pt idx="60">
                  <c:v>0.59262294472340393</c:v>
                </c:pt>
                <c:pt idx="61">
                  <c:v>0.53014947745332353</c:v>
                </c:pt>
                <c:pt idx="62">
                  <c:v>0.51425592917708662</c:v>
                </c:pt>
                <c:pt idx="63">
                  <c:v>0.4311823325585491</c:v>
                </c:pt>
                <c:pt idx="64">
                  <c:v>0.36397522602721999</c:v>
                </c:pt>
                <c:pt idx="65">
                  <c:v>0.15967437800832937</c:v>
                </c:pt>
                <c:pt idx="66">
                  <c:v>0.23634369522676058</c:v>
                </c:pt>
                <c:pt idx="67">
                  <c:v>0.30709306195007829</c:v>
                </c:pt>
                <c:pt idx="68">
                  <c:v>0.4213087515204767</c:v>
                </c:pt>
                <c:pt idx="69">
                  <c:v>0.47086670133653402</c:v>
                </c:pt>
                <c:pt idx="70">
                  <c:v>0.44755497290983132</c:v>
                </c:pt>
                <c:pt idx="71">
                  <c:v>0.39409529817931926</c:v>
                </c:pt>
                <c:pt idx="72">
                  <c:v>0.27894608756824907</c:v>
                </c:pt>
                <c:pt idx="73">
                  <c:v>0.37889893783248257</c:v>
                </c:pt>
                <c:pt idx="74">
                  <c:v>0.30714869037746834</c:v>
                </c:pt>
                <c:pt idx="75">
                  <c:v>0.27983728104223671</c:v>
                </c:pt>
                <c:pt idx="76">
                  <c:v>0.30697588872332821</c:v>
                </c:pt>
                <c:pt idx="77">
                  <c:v>0.33109181285871897</c:v>
                </c:pt>
                <c:pt idx="78">
                  <c:v>0.3819684659469888</c:v>
                </c:pt>
                <c:pt idx="79">
                  <c:v>0.31686946513537584</c:v>
                </c:pt>
                <c:pt idx="80">
                  <c:v>0.18849640377351232</c:v>
                </c:pt>
                <c:pt idx="81">
                  <c:v>0.11697079454192623</c:v>
                </c:pt>
                <c:pt idx="82">
                  <c:v>0.11543706630146396</c:v>
                </c:pt>
                <c:pt idx="83">
                  <c:v>0.14573628855929213</c:v>
                </c:pt>
                <c:pt idx="84">
                  <c:v>0.31525414225182563</c:v>
                </c:pt>
                <c:pt idx="85">
                  <c:v>0.3484713654259739</c:v>
                </c:pt>
                <c:pt idx="86">
                  <c:v>0.36063956231012168</c:v>
                </c:pt>
                <c:pt idx="87">
                  <c:v>0.33459351590301906</c:v>
                </c:pt>
                <c:pt idx="88">
                  <c:v>0.2701897922161402</c:v>
                </c:pt>
                <c:pt idx="89">
                  <c:v>0.30385249122498315</c:v>
                </c:pt>
                <c:pt idx="90">
                  <c:v>0.32376486643365271</c:v>
                </c:pt>
                <c:pt idx="91">
                  <c:v>0.17607072297860316</c:v>
                </c:pt>
                <c:pt idx="92">
                  <c:v>8.7066913242889996E-2</c:v>
                </c:pt>
                <c:pt idx="93">
                  <c:v>0.12613148541393499</c:v>
                </c:pt>
                <c:pt idx="94">
                  <c:v>0.20897448679795394</c:v>
                </c:pt>
                <c:pt idx="95">
                  <c:v>0.22622778024895193</c:v>
                </c:pt>
                <c:pt idx="96">
                  <c:v>0.12146043533749563</c:v>
                </c:pt>
                <c:pt idx="97">
                  <c:v>0.23050855458881256</c:v>
                </c:pt>
                <c:pt idx="98">
                  <c:v>0.20398295681072709</c:v>
                </c:pt>
                <c:pt idx="99">
                  <c:v>0.16726595364919453</c:v>
                </c:pt>
                <c:pt idx="100">
                  <c:v>0.30677512734127155</c:v>
                </c:pt>
                <c:pt idx="101">
                  <c:v>0.25688879834621087</c:v>
                </c:pt>
                <c:pt idx="102">
                  <c:v>0.23276669431700656</c:v>
                </c:pt>
                <c:pt idx="103">
                  <c:v>0.34527275582759004</c:v>
                </c:pt>
                <c:pt idx="104">
                  <c:v>0.33843505014933112</c:v>
                </c:pt>
                <c:pt idx="105">
                  <c:v>0.46054769672468837</c:v>
                </c:pt>
                <c:pt idx="106">
                  <c:v>0.51179275690422188</c:v>
                </c:pt>
                <c:pt idx="107">
                  <c:v>0.44053740603137942</c:v>
                </c:pt>
                <c:pt idx="108">
                  <c:v>0.4634543083857034</c:v>
                </c:pt>
                <c:pt idx="109">
                  <c:v>0.56602302550511541</c:v>
                </c:pt>
                <c:pt idx="110">
                  <c:v>0.5073153602539362</c:v>
                </c:pt>
                <c:pt idx="111">
                  <c:v>0.36101706255240201</c:v>
                </c:pt>
                <c:pt idx="112">
                  <c:v>0.10562904290701114</c:v>
                </c:pt>
                <c:pt idx="113">
                  <c:v>3.537082289890079E-2</c:v>
                </c:pt>
                <c:pt idx="114">
                  <c:v>7.269160312002125E-2</c:v>
                </c:pt>
                <c:pt idx="115">
                  <c:v>0.14881460800299215</c:v>
                </c:pt>
                <c:pt idx="116">
                  <c:v>0.23070822226615925</c:v>
                </c:pt>
                <c:pt idx="117">
                  <c:v>0.2312441845050541</c:v>
                </c:pt>
                <c:pt idx="118">
                  <c:v>0.34806322309637633</c:v>
                </c:pt>
                <c:pt idx="119">
                  <c:v>0.30828641844486343</c:v>
                </c:pt>
                <c:pt idx="120">
                  <c:v>0.32386165503738612</c:v>
                </c:pt>
                <c:pt idx="121">
                  <c:v>0.32915687143742645</c:v>
                </c:pt>
                <c:pt idx="122">
                  <c:v>0.14750125281265428</c:v>
                </c:pt>
                <c:pt idx="123">
                  <c:v>0.40449485142845371</c:v>
                </c:pt>
                <c:pt idx="124">
                  <c:v>0.37355685133118738</c:v>
                </c:pt>
                <c:pt idx="125">
                  <c:v>0.20077082446373354</c:v>
                </c:pt>
                <c:pt idx="126">
                  <c:v>0.39810283666138502</c:v>
                </c:pt>
              </c:numCache>
            </c:numRef>
          </c:val>
          <c:extLst>
            <c:ext xmlns:c16="http://schemas.microsoft.com/office/drawing/2014/chart" uri="{C3380CC4-5D6E-409C-BE32-E72D297353CC}">
              <c16:uniqueId val="{00000004-6B73-4053-A572-EAD25FD37866}"/>
            </c:ext>
          </c:extLst>
        </c:ser>
        <c:dLbls>
          <c:showLegendKey val="0"/>
          <c:showVal val="0"/>
          <c:showCatName val="0"/>
          <c:showSerName val="0"/>
          <c:showPercent val="0"/>
          <c:showBubbleSize val="0"/>
        </c:dLbls>
        <c:gapWidth val="150"/>
        <c:overlap val="100"/>
        <c:axId val="12585712"/>
        <c:axId val="161730160"/>
      </c:barChart>
      <c:lineChart>
        <c:grouping val="standard"/>
        <c:varyColors val="0"/>
        <c:ser>
          <c:idx val="1"/>
          <c:order val="2"/>
          <c:tx>
            <c:strRef>
              <c:f>ES_Summary!$C$1</c:f>
              <c:strCache>
                <c:ptCount val="1"/>
                <c:pt idx="0">
                  <c:v>ES Average Day Ahead Electricity Price</c:v>
                </c:pt>
              </c:strCache>
            </c:strRef>
          </c:tx>
          <c:spPr>
            <a:ln w="28575" cap="rnd">
              <a:solidFill>
                <a:srgbClr val="C00000"/>
              </a:solidFill>
              <a:round/>
            </a:ln>
            <a:effectLst/>
          </c:spPr>
          <c:marker>
            <c:symbol val="none"/>
          </c:marker>
          <c:dLbls>
            <c:dLbl>
              <c:idx val="24"/>
              <c:layout>
                <c:manualLayout>
                  <c:x val="-6.2860746993375224E-2"/>
                  <c:y val="4.7713198060581039E-2"/>
                </c:manualLayout>
              </c:layout>
              <c:tx>
                <c:rich>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a:t>RES 77%</a:t>
                    </a:r>
                  </a:p>
                  <a:p>
                    <a:pPr algn="l">
                      <a:defRPr/>
                    </a:pPr>
                    <a:r>
                      <a:rPr lang="en-US"/>
                      <a:t>€16/MWh</a:t>
                    </a:r>
                  </a:p>
                </c:rich>
              </c:tx>
              <c:spPr>
                <a:solidFill>
                  <a:schemeClr val="bg1"/>
                </a:solid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5-6B73-4053-A572-EAD25FD37866}"/>
                </c:ext>
              </c:extLst>
            </c:dLbl>
            <c:dLbl>
              <c:idx val="38"/>
              <c:layout>
                <c:manualLayout>
                  <c:x val="-1.0180571493453619E-2"/>
                  <c:y val="-1.1504274423113572E-2"/>
                </c:manualLayout>
              </c:layout>
              <c:tx>
                <c:rich>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a:t>RES 48%</a:t>
                    </a:r>
                  </a:p>
                  <a:p>
                    <a:pPr algn="l">
                      <a:defRPr/>
                    </a:pPr>
                    <a:r>
                      <a:rPr lang="en-US"/>
                      <a:t>€95/MWh</a:t>
                    </a:r>
                  </a:p>
                </c:rich>
              </c:tx>
              <c:spPr>
                <a:no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6-6B73-4053-A572-EAD25FD37866}"/>
                </c:ext>
              </c:extLst>
            </c:dLbl>
            <c:dLbl>
              <c:idx val="106"/>
              <c:layout>
                <c:manualLayout>
                  <c:x val="-5.2054345190011168E-2"/>
                  <c:y val="5.3193038927175029E-2"/>
                </c:manualLayout>
              </c:layout>
              <c:tx>
                <c:rich>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a:t>RES 78%</a:t>
                    </a:r>
                  </a:p>
                  <a:p>
                    <a:pPr algn="l">
                      <a:defRPr/>
                    </a:pPr>
                    <a:r>
                      <a:rPr lang="en-US"/>
                      <a:t>€17/MWh</a:t>
                    </a:r>
                  </a:p>
                </c:rich>
              </c:tx>
              <c:spPr>
                <a:solidFill>
                  <a:schemeClr val="bg1"/>
                </a:solid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7-6B73-4053-A572-EAD25FD37866}"/>
                </c:ext>
              </c:extLst>
            </c:dLbl>
            <c:dLbl>
              <c:idx val="114"/>
              <c:layout>
                <c:manualLayout>
                  <c:x val="-3.0948039870819382E-2"/>
                  <c:y val="-5.1585173956642229E-2"/>
                </c:manualLayout>
              </c:layout>
              <c:tx>
                <c:rich>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a:t>RES 43%</a:t>
                    </a:r>
                  </a:p>
                  <a:p>
                    <a:pPr algn="l">
                      <a:defRPr/>
                    </a:pPr>
                    <a:r>
                      <a:rPr lang="en-US"/>
                      <a:t>€66/MWh</a:t>
                    </a:r>
                  </a:p>
                </c:rich>
              </c:tx>
              <c:spPr>
                <a:noFill/>
                <a:ln>
                  <a:noFill/>
                </a:ln>
                <a:effectLst/>
              </c:spPr>
              <c:txPr>
                <a:bodyPr rot="0" spcFirstLastPara="1" vertOverflow="ellipsis" vert="horz" wrap="square" anchor="ctr" anchorCtr="1"/>
                <a:lstStyle/>
                <a:p>
                  <a:pPr algn="l">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8-6B73-4053-A572-EAD25FD37866}"/>
                </c:ext>
              </c:extLst>
            </c:dLbl>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showLegendKey val="0"/>
            <c:showVal val="0"/>
            <c:showCatName val="0"/>
            <c:showSerName val="0"/>
            <c:showPercent val="0"/>
            <c:showBubbleSize val="0"/>
            <c:extLst>
              <c:ext xmlns:c15="http://schemas.microsoft.com/office/drawing/2012/chart" uri="{CE6537A1-D6FC-4f65-9D91-7224C49458BB}">
                <c15:showLeaderLines val="0"/>
              </c:ext>
            </c:extLst>
          </c:dLbls>
          <c:cat>
            <c:numRef>
              <c:f>ES_Summary!$A$337:$A$463</c:f>
              <c:numCache>
                <c:formatCode>d\-mmm\-yy</c:formatCode>
                <c:ptCount val="127"/>
                <c:pt idx="0">
                  <c:v>44166</c:v>
                </c:pt>
                <c:pt idx="1">
                  <c:v>44167</c:v>
                </c:pt>
                <c:pt idx="2">
                  <c:v>44168</c:v>
                </c:pt>
                <c:pt idx="3">
                  <c:v>44169</c:v>
                </c:pt>
                <c:pt idx="4">
                  <c:v>44170</c:v>
                </c:pt>
                <c:pt idx="5">
                  <c:v>44171</c:v>
                </c:pt>
                <c:pt idx="6">
                  <c:v>44172</c:v>
                </c:pt>
                <c:pt idx="7">
                  <c:v>44173</c:v>
                </c:pt>
                <c:pt idx="8">
                  <c:v>44174</c:v>
                </c:pt>
                <c:pt idx="9">
                  <c:v>44175</c:v>
                </c:pt>
                <c:pt idx="10">
                  <c:v>44176</c:v>
                </c:pt>
                <c:pt idx="11">
                  <c:v>44177</c:v>
                </c:pt>
                <c:pt idx="12">
                  <c:v>44178</c:v>
                </c:pt>
                <c:pt idx="13">
                  <c:v>44179</c:v>
                </c:pt>
                <c:pt idx="14">
                  <c:v>44180</c:v>
                </c:pt>
                <c:pt idx="15">
                  <c:v>44181</c:v>
                </c:pt>
                <c:pt idx="16">
                  <c:v>44182</c:v>
                </c:pt>
                <c:pt idx="17">
                  <c:v>44183</c:v>
                </c:pt>
                <c:pt idx="18">
                  <c:v>44184</c:v>
                </c:pt>
                <c:pt idx="19">
                  <c:v>44185</c:v>
                </c:pt>
                <c:pt idx="20">
                  <c:v>44186</c:v>
                </c:pt>
                <c:pt idx="21">
                  <c:v>44187</c:v>
                </c:pt>
                <c:pt idx="22">
                  <c:v>44188</c:v>
                </c:pt>
                <c:pt idx="23">
                  <c:v>44189</c:v>
                </c:pt>
                <c:pt idx="24">
                  <c:v>44190</c:v>
                </c:pt>
                <c:pt idx="25">
                  <c:v>44191</c:v>
                </c:pt>
                <c:pt idx="26">
                  <c:v>44192</c:v>
                </c:pt>
                <c:pt idx="27">
                  <c:v>44193</c:v>
                </c:pt>
                <c:pt idx="28">
                  <c:v>44194</c:v>
                </c:pt>
                <c:pt idx="29">
                  <c:v>44195</c:v>
                </c:pt>
                <c:pt idx="30">
                  <c:v>44196</c:v>
                </c:pt>
                <c:pt idx="31">
                  <c:v>44197</c:v>
                </c:pt>
                <c:pt idx="32">
                  <c:v>44198</c:v>
                </c:pt>
                <c:pt idx="33">
                  <c:v>44199</c:v>
                </c:pt>
                <c:pt idx="34">
                  <c:v>44200</c:v>
                </c:pt>
                <c:pt idx="35">
                  <c:v>44201</c:v>
                </c:pt>
                <c:pt idx="36">
                  <c:v>44202</c:v>
                </c:pt>
                <c:pt idx="37">
                  <c:v>44203</c:v>
                </c:pt>
                <c:pt idx="38">
                  <c:v>44204</c:v>
                </c:pt>
                <c:pt idx="39">
                  <c:v>44205</c:v>
                </c:pt>
                <c:pt idx="40">
                  <c:v>44206</c:v>
                </c:pt>
                <c:pt idx="41">
                  <c:v>44207</c:v>
                </c:pt>
                <c:pt idx="42">
                  <c:v>44208</c:v>
                </c:pt>
                <c:pt idx="43">
                  <c:v>44209</c:v>
                </c:pt>
                <c:pt idx="44">
                  <c:v>44210</c:v>
                </c:pt>
                <c:pt idx="45">
                  <c:v>44211</c:v>
                </c:pt>
                <c:pt idx="46">
                  <c:v>44212</c:v>
                </c:pt>
                <c:pt idx="47">
                  <c:v>44213</c:v>
                </c:pt>
                <c:pt idx="48">
                  <c:v>44214</c:v>
                </c:pt>
                <c:pt idx="49">
                  <c:v>44215</c:v>
                </c:pt>
                <c:pt idx="50">
                  <c:v>44216</c:v>
                </c:pt>
                <c:pt idx="51">
                  <c:v>44217</c:v>
                </c:pt>
                <c:pt idx="52">
                  <c:v>44218</c:v>
                </c:pt>
                <c:pt idx="53">
                  <c:v>44219</c:v>
                </c:pt>
                <c:pt idx="54">
                  <c:v>44220</c:v>
                </c:pt>
                <c:pt idx="55">
                  <c:v>44221</c:v>
                </c:pt>
                <c:pt idx="56">
                  <c:v>44222</c:v>
                </c:pt>
                <c:pt idx="57">
                  <c:v>44223</c:v>
                </c:pt>
                <c:pt idx="58">
                  <c:v>44224</c:v>
                </c:pt>
                <c:pt idx="59">
                  <c:v>44225</c:v>
                </c:pt>
                <c:pt idx="60">
                  <c:v>44226</c:v>
                </c:pt>
                <c:pt idx="61">
                  <c:v>44227</c:v>
                </c:pt>
                <c:pt idx="62">
                  <c:v>44228</c:v>
                </c:pt>
                <c:pt idx="63">
                  <c:v>44229</c:v>
                </c:pt>
                <c:pt idx="64">
                  <c:v>44230</c:v>
                </c:pt>
                <c:pt idx="65">
                  <c:v>44231</c:v>
                </c:pt>
                <c:pt idx="66">
                  <c:v>44232</c:v>
                </c:pt>
                <c:pt idx="67">
                  <c:v>44233</c:v>
                </c:pt>
                <c:pt idx="68">
                  <c:v>44234</c:v>
                </c:pt>
                <c:pt idx="69">
                  <c:v>44235</c:v>
                </c:pt>
                <c:pt idx="70">
                  <c:v>44236</c:v>
                </c:pt>
                <c:pt idx="71">
                  <c:v>44237</c:v>
                </c:pt>
                <c:pt idx="72">
                  <c:v>44238</c:v>
                </c:pt>
                <c:pt idx="73">
                  <c:v>44239</c:v>
                </c:pt>
                <c:pt idx="74">
                  <c:v>44240</c:v>
                </c:pt>
                <c:pt idx="75">
                  <c:v>44241</c:v>
                </c:pt>
                <c:pt idx="76">
                  <c:v>44242</c:v>
                </c:pt>
                <c:pt idx="77">
                  <c:v>44243</c:v>
                </c:pt>
                <c:pt idx="78">
                  <c:v>44244</c:v>
                </c:pt>
                <c:pt idx="79">
                  <c:v>44245</c:v>
                </c:pt>
                <c:pt idx="80">
                  <c:v>44246</c:v>
                </c:pt>
                <c:pt idx="81">
                  <c:v>44247</c:v>
                </c:pt>
                <c:pt idx="82">
                  <c:v>44248</c:v>
                </c:pt>
                <c:pt idx="83">
                  <c:v>44249</c:v>
                </c:pt>
                <c:pt idx="84">
                  <c:v>44250</c:v>
                </c:pt>
                <c:pt idx="85">
                  <c:v>44251</c:v>
                </c:pt>
                <c:pt idx="86">
                  <c:v>44252</c:v>
                </c:pt>
                <c:pt idx="87">
                  <c:v>44253</c:v>
                </c:pt>
                <c:pt idx="88">
                  <c:v>44254</c:v>
                </c:pt>
                <c:pt idx="89">
                  <c:v>44255</c:v>
                </c:pt>
                <c:pt idx="90">
                  <c:v>44256</c:v>
                </c:pt>
                <c:pt idx="91">
                  <c:v>44257</c:v>
                </c:pt>
                <c:pt idx="92">
                  <c:v>44258</c:v>
                </c:pt>
                <c:pt idx="93">
                  <c:v>44259</c:v>
                </c:pt>
                <c:pt idx="94">
                  <c:v>44260</c:v>
                </c:pt>
                <c:pt idx="95">
                  <c:v>44261</c:v>
                </c:pt>
                <c:pt idx="96">
                  <c:v>44262</c:v>
                </c:pt>
                <c:pt idx="97">
                  <c:v>44263</c:v>
                </c:pt>
                <c:pt idx="98">
                  <c:v>44264</c:v>
                </c:pt>
                <c:pt idx="99">
                  <c:v>44265</c:v>
                </c:pt>
                <c:pt idx="100">
                  <c:v>44266</c:v>
                </c:pt>
                <c:pt idx="101">
                  <c:v>44267</c:v>
                </c:pt>
                <c:pt idx="102">
                  <c:v>44268</c:v>
                </c:pt>
                <c:pt idx="103">
                  <c:v>44269</c:v>
                </c:pt>
                <c:pt idx="104">
                  <c:v>44270</c:v>
                </c:pt>
                <c:pt idx="105">
                  <c:v>44271</c:v>
                </c:pt>
                <c:pt idx="106">
                  <c:v>44272</c:v>
                </c:pt>
                <c:pt idx="107">
                  <c:v>44273</c:v>
                </c:pt>
                <c:pt idx="108">
                  <c:v>44274</c:v>
                </c:pt>
                <c:pt idx="109">
                  <c:v>44275</c:v>
                </c:pt>
                <c:pt idx="110">
                  <c:v>44276</c:v>
                </c:pt>
                <c:pt idx="111">
                  <c:v>44277</c:v>
                </c:pt>
                <c:pt idx="112">
                  <c:v>44278</c:v>
                </c:pt>
                <c:pt idx="113">
                  <c:v>44279</c:v>
                </c:pt>
                <c:pt idx="114">
                  <c:v>44280</c:v>
                </c:pt>
                <c:pt idx="115">
                  <c:v>44281</c:v>
                </c:pt>
                <c:pt idx="116">
                  <c:v>44282</c:v>
                </c:pt>
                <c:pt idx="117">
                  <c:v>44283</c:v>
                </c:pt>
                <c:pt idx="118">
                  <c:v>44284</c:v>
                </c:pt>
                <c:pt idx="119">
                  <c:v>44285</c:v>
                </c:pt>
                <c:pt idx="120">
                  <c:v>44286</c:v>
                </c:pt>
                <c:pt idx="121">
                  <c:v>44287</c:v>
                </c:pt>
                <c:pt idx="122">
                  <c:v>44288</c:v>
                </c:pt>
                <c:pt idx="123">
                  <c:v>44289</c:v>
                </c:pt>
                <c:pt idx="124">
                  <c:v>44290</c:v>
                </c:pt>
                <c:pt idx="125">
                  <c:v>44291</c:v>
                </c:pt>
                <c:pt idx="126">
                  <c:v>44292</c:v>
                </c:pt>
              </c:numCache>
            </c:numRef>
          </c:cat>
          <c:val>
            <c:numRef>
              <c:f>ES_Summary!$C$337:$C$463</c:f>
              <c:numCache>
                <c:formatCode>General</c:formatCode>
                <c:ptCount val="127"/>
                <c:pt idx="0">
                  <c:v>50.364166666666684</c:v>
                </c:pt>
                <c:pt idx="1">
                  <c:v>49.462499999999984</c:v>
                </c:pt>
                <c:pt idx="2">
                  <c:v>49.490416666666668</c:v>
                </c:pt>
                <c:pt idx="3">
                  <c:v>43.359583333333326</c:v>
                </c:pt>
                <c:pt idx="4">
                  <c:v>45.21458333333333</c:v>
                </c:pt>
                <c:pt idx="5">
                  <c:v>39.985833333333339</c:v>
                </c:pt>
                <c:pt idx="6">
                  <c:v>38.01583333333334</c:v>
                </c:pt>
                <c:pt idx="7">
                  <c:v>27.482916666666668</c:v>
                </c:pt>
                <c:pt idx="8">
                  <c:v>47.516666666666673</c:v>
                </c:pt>
                <c:pt idx="9">
                  <c:v>43.417083333333331</c:v>
                </c:pt>
                <c:pt idx="10">
                  <c:v>37.246666666666663</c:v>
                </c:pt>
                <c:pt idx="11">
                  <c:v>36.266249999999999</c:v>
                </c:pt>
                <c:pt idx="12">
                  <c:v>43.192499999999995</c:v>
                </c:pt>
                <c:pt idx="13">
                  <c:v>46.494583333333331</c:v>
                </c:pt>
                <c:pt idx="14">
                  <c:v>48.917499999999997</c:v>
                </c:pt>
                <c:pt idx="15">
                  <c:v>49.344166666666666</c:v>
                </c:pt>
                <c:pt idx="16">
                  <c:v>56.87166666666667</c:v>
                </c:pt>
                <c:pt idx="17">
                  <c:v>49.110833333333325</c:v>
                </c:pt>
                <c:pt idx="18">
                  <c:v>44.262499999999989</c:v>
                </c:pt>
                <c:pt idx="19">
                  <c:v>43.42166666666666</c:v>
                </c:pt>
                <c:pt idx="20">
                  <c:v>46.787083333333335</c:v>
                </c:pt>
                <c:pt idx="21">
                  <c:v>46.70958333333332</c:v>
                </c:pt>
                <c:pt idx="22">
                  <c:v>46.297500000000007</c:v>
                </c:pt>
                <c:pt idx="23">
                  <c:v>39.939166666666672</c:v>
                </c:pt>
                <c:pt idx="24">
                  <c:v>16.035833333333333</c:v>
                </c:pt>
                <c:pt idx="25">
                  <c:v>32.864166666666669</c:v>
                </c:pt>
                <c:pt idx="26">
                  <c:v>26.504999999999995</c:v>
                </c:pt>
                <c:pt idx="27">
                  <c:v>20.040833333333335</c:v>
                </c:pt>
                <c:pt idx="28">
                  <c:v>38.661666666666669</c:v>
                </c:pt>
                <c:pt idx="29">
                  <c:v>48.984583333333347</c:v>
                </c:pt>
                <c:pt idx="30">
                  <c:v>48.660000000000004</c:v>
                </c:pt>
                <c:pt idx="31">
                  <c:v>42.510000000000005</c:v>
                </c:pt>
                <c:pt idx="32">
                  <c:v>48.720416666666665</c:v>
                </c:pt>
                <c:pt idx="33">
                  <c:v>46.927499999999988</c:v>
                </c:pt>
                <c:pt idx="34">
                  <c:v>59.849583333333335</c:v>
                </c:pt>
                <c:pt idx="35">
                  <c:v>67.545416666666682</c:v>
                </c:pt>
                <c:pt idx="36">
                  <c:v>70.599166666666662</c:v>
                </c:pt>
                <c:pt idx="37">
                  <c:v>88.926249999999982</c:v>
                </c:pt>
                <c:pt idx="38">
                  <c:v>94.988749999999982</c:v>
                </c:pt>
                <c:pt idx="39">
                  <c:v>80.660000000000011</c:v>
                </c:pt>
                <c:pt idx="40">
                  <c:v>66.270833333333329</c:v>
                </c:pt>
                <c:pt idx="41">
                  <c:v>82.45</c:v>
                </c:pt>
                <c:pt idx="42">
                  <c:v>84.24499999999999</c:v>
                </c:pt>
                <c:pt idx="43">
                  <c:v>89.935416666666683</c:v>
                </c:pt>
                <c:pt idx="44">
                  <c:v>87.252083333333346</c:v>
                </c:pt>
                <c:pt idx="45">
                  <c:v>78.420416666666668</c:v>
                </c:pt>
                <c:pt idx="46">
                  <c:v>67.719999999999985</c:v>
                </c:pt>
                <c:pt idx="47">
                  <c:v>64.511250000000004</c:v>
                </c:pt>
                <c:pt idx="48">
                  <c:v>82.076250000000002</c:v>
                </c:pt>
                <c:pt idx="49">
                  <c:v>76.465416666666684</c:v>
                </c:pt>
                <c:pt idx="50">
                  <c:v>51.662500000000016</c:v>
                </c:pt>
                <c:pt idx="51">
                  <c:v>41.638749999999995</c:v>
                </c:pt>
                <c:pt idx="52">
                  <c:v>41.974583333333328</c:v>
                </c:pt>
                <c:pt idx="53">
                  <c:v>27.495000000000001</c:v>
                </c:pt>
                <c:pt idx="54">
                  <c:v>28.724999999999998</c:v>
                </c:pt>
                <c:pt idx="55">
                  <c:v>59.418333333333329</c:v>
                </c:pt>
                <c:pt idx="56">
                  <c:v>65.977916666666658</c:v>
                </c:pt>
                <c:pt idx="57">
                  <c:v>59.774166666666666</c:v>
                </c:pt>
                <c:pt idx="58">
                  <c:v>55.390416666666674</c:v>
                </c:pt>
                <c:pt idx="59">
                  <c:v>47.389166666666675</c:v>
                </c:pt>
                <c:pt idx="60">
                  <c:v>4.185833333333334</c:v>
                </c:pt>
                <c:pt idx="61">
                  <c:v>1.4195833333333334</c:v>
                </c:pt>
                <c:pt idx="62">
                  <c:v>11.897500000000001</c:v>
                </c:pt>
                <c:pt idx="63">
                  <c:v>26.337500000000002</c:v>
                </c:pt>
                <c:pt idx="64">
                  <c:v>36.262500000000003</c:v>
                </c:pt>
                <c:pt idx="65">
                  <c:v>52.197083333333332</c:v>
                </c:pt>
                <c:pt idx="66">
                  <c:v>50.991250000000001</c:v>
                </c:pt>
                <c:pt idx="67">
                  <c:v>36.015833333333333</c:v>
                </c:pt>
                <c:pt idx="68">
                  <c:v>12.580833333333333</c:v>
                </c:pt>
                <c:pt idx="69">
                  <c:v>8.2966666666666669</c:v>
                </c:pt>
                <c:pt idx="70">
                  <c:v>7.1041666666666679</c:v>
                </c:pt>
                <c:pt idx="71">
                  <c:v>26.259583333333335</c:v>
                </c:pt>
                <c:pt idx="72">
                  <c:v>48.004583333333329</c:v>
                </c:pt>
                <c:pt idx="73">
                  <c:v>36.935833333333342</c:v>
                </c:pt>
                <c:pt idx="74">
                  <c:v>36.900416666666665</c:v>
                </c:pt>
                <c:pt idx="75">
                  <c:v>13.378749999999997</c:v>
                </c:pt>
                <c:pt idx="76">
                  <c:v>14.85125</c:v>
                </c:pt>
                <c:pt idx="77">
                  <c:v>23.982083333333332</c:v>
                </c:pt>
                <c:pt idx="78">
                  <c:v>41.930416666666673</c:v>
                </c:pt>
                <c:pt idx="79">
                  <c:v>36.177916666666661</c:v>
                </c:pt>
                <c:pt idx="80">
                  <c:v>22.269166666666663</c:v>
                </c:pt>
                <c:pt idx="81">
                  <c:v>2.1854166666666699</c:v>
                </c:pt>
                <c:pt idx="82">
                  <c:v>5.6745833333333335</c:v>
                </c:pt>
                <c:pt idx="83">
                  <c:v>39.390833333333326</c:v>
                </c:pt>
                <c:pt idx="84">
                  <c:v>43.647500000000001</c:v>
                </c:pt>
                <c:pt idx="85">
                  <c:v>24.822500000000002</c:v>
                </c:pt>
                <c:pt idx="86">
                  <c:v>45.832916666666669</c:v>
                </c:pt>
                <c:pt idx="87">
                  <c:v>46.092916666666667</c:v>
                </c:pt>
                <c:pt idx="88">
                  <c:v>29.243750000000002</c:v>
                </c:pt>
                <c:pt idx="89">
                  <c:v>18.533333333333335</c:v>
                </c:pt>
                <c:pt idx="90">
                  <c:v>42.242083333333341</c:v>
                </c:pt>
                <c:pt idx="91">
                  <c:v>52.666249999999998</c:v>
                </c:pt>
                <c:pt idx="92">
                  <c:v>53.243749999999999</c:v>
                </c:pt>
                <c:pt idx="93">
                  <c:v>55.425833333333344</c:v>
                </c:pt>
                <c:pt idx="94">
                  <c:v>52.453750000000014</c:v>
                </c:pt>
                <c:pt idx="95">
                  <c:v>45.073333333333345</c:v>
                </c:pt>
                <c:pt idx="96">
                  <c:v>47.053333333333342</c:v>
                </c:pt>
                <c:pt idx="97">
                  <c:v>54.42499999999999</c:v>
                </c:pt>
                <c:pt idx="98">
                  <c:v>56.87916666666667</c:v>
                </c:pt>
                <c:pt idx="99">
                  <c:v>55.867499999999986</c:v>
                </c:pt>
                <c:pt idx="100">
                  <c:v>40.759583333333332</c:v>
                </c:pt>
                <c:pt idx="101">
                  <c:v>40.162500000000001</c:v>
                </c:pt>
                <c:pt idx="102">
                  <c:v>27.752916666666668</c:v>
                </c:pt>
                <c:pt idx="103">
                  <c:v>24.544583333333339</c:v>
                </c:pt>
                <c:pt idx="104">
                  <c:v>47.584999999999987</c:v>
                </c:pt>
                <c:pt idx="105">
                  <c:v>34.514583333333341</c:v>
                </c:pt>
                <c:pt idx="106">
                  <c:v>17.349583333333335</c:v>
                </c:pt>
                <c:pt idx="107">
                  <c:v>32.772083333333327</c:v>
                </c:pt>
                <c:pt idx="108">
                  <c:v>29.661250000000006</c:v>
                </c:pt>
                <c:pt idx="109">
                  <c:v>22.188750000000002</c:v>
                </c:pt>
                <c:pt idx="110">
                  <c:v>30.275000000000002</c:v>
                </c:pt>
                <c:pt idx="111">
                  <c:v>55.794166666666662</c:v>
                </c:pt>
                <c:pt idx="112">
                  <c:v>64.471250000000012</c:v>
                </c:pt>
                <c:pt idx="113">
                  <c:v>64.815416666666664</c:v>
                </c:pt>
                <c:pt idx="114">
                  <c:v>66.353749999999977</c:v>
                </c:pt>
                <c:pt idx="115">
                  <c:v>60.310416666666661</c:v>
                </c:pt>
                <c:pt idx="116">
                  <c:v>41.105833333333329</c:v>
                </c:pt>
                <c:pt idx="117">
                  <c:v>38.601304347826087</c:v>
                </c:pt>
                <c:pt idx="118">
                  <c:v>45.691666666666663</c:v>
                </c:pt>
                <c:pt idx="119">
                  <c:v>53.532916666666665</c:v>
                </c:pt>
                <c:pt idx="120">
                  <c:v>55.158750000000005</c:v>
                </c:pt>
                <c:pt idx="121">
                  <c:v>52.117916666666673</c:v>
                </c:pt>
                <c:pt idx="122">
                  <c:v>51.004166666666684</c:v>
                </c:pt>
                <c:pt idx="123">
                  <c:v>35.175000000000004</c:v>
                </c:pt>
                <c:pt idx="124">
                  <c:v>27.734999999999999</c:v>
                </c:pt>
                <c:pt idx="125">
                  <c:v>44.552083333333321</c:v>
                </c:pt>
                <c:pt idx="126">
                  <c:v>55.970000000000006</c:v>
                </c:pt>
              </c:numCache>
            </c:numRef>
          </c:val>
          <c:smooth val="0"/>
          <c:extLst>
            <c:ext xmlns:c16="http://schemas.microsoft.com/office/drawing/2014/chart" uri="{C3380CC4-5D6E-409C-BE32-E72D297353CC}">
              <c16:uniqueId val="{00000009-6B73-4053-A572-EAD25FD37866}"/>
            </c:ext>
          </c:extLst>
        </c:ser>
        <c:dLbls>
          <c:showLegendKey val="0"/>
          <c:showVal val="0"/>
          <c:showCatName val="0"/>
          <c:showSerName val="0"/>
          <c:showPercent val="0"/>
          <c:showBubbleSize val="0"/>
        </c:dLbls>
        <c:marker val="1"/>
        <c:smooth val="0"/>
        <c:axId val="1153599696"/>
        <c:axId val="1153601336"/>
      </c:lineChart>
      <c:dateAx>
        <c:axId val="12585712"/>
        <c:scaling>
          <c:orientation val="minMax"/>
        </c:scaling>
        <c:delete val="0"/>
        <c:axPos val="b"/>
        <c:numFmt formatCode="d\-mmm" sourceLinked="0"/>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61730160"/>
        <c:crosses val="autoZero"/>
        <c:auto val="1"/>
        <c:lblOffset val="100"/>
        <c:baseTimeUnit val="days"/>
        <c:majorUnit val="4"/>
        <c:majorTimeUnit val="days"/>
        <c:minorUnit val="4"/>
        <c:minorTimeUnit val="days"/>
      </c:dateAx>
      <c:valAx>
        <c:axId val="161730160"/>
        <c:scaling>
          <c:orientation val="minMax"/>
          <c:max val="1"/>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a:t>RES Share in Demand by Technology Type (%)</a:t>
                </a:r>
              </a:p>
            </c:rich>
          </c:tx>
          <c:layout>
            <c:manualLayout>
              <c:xMode val="edge"/>
              <c:yMode val="edge"/>
              <c:x val="1.7667326316771457E-2"/>
              <c:y val="0.15000279163133845"/>
            </c:manualLayout>
          </c:layout>
          <c:overlay val="0"/>
          <c:spPr>
            <a:noFill/>
            <a:ln>
              <a:noFill/>
            </a:ln>
            <a:effectLst/>
          </c:spPr>
          <c:txPr>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title>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2585712"/>
        <c:crosses val="autoZero"/>
        <c:crossBetween val="between"/>
      </c:valAx>
      <c:valAx>
        <c:axId val="1153601336"/>
        <c:scaling>
          <c:orientation val="minMax"/>
        </c:scaling>
        <c:delete val="0"/>
        <c:axPos val="r"/>
        <c:title>
          <c:tx>
            <c:rich>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r>
                  <a:rPr lang="en-US"/>
                  <a:t>Avg. Daily Electricity Price, €/MWh</a:t>
                </a:r>
              </a:p>
            </c:rich>
          </c:tx>
          <c:layout>
            <c:manualLayout>
              <c:xMode val="edge"/>
              <c:yMode val="edge"/>
              <c:x val="0.95945266653639683"/>
              <c:y val="0.15837612752691327"/>
            </c:manualLayout>
          </c:layout>
          <c:overlay val="0"/>
          <c:spPr>
            <a:noFill/>
            <a:ln>
              <a:noFill/>
            </a:ln>
            <a:effectLst/>
          </c:spPr>
          <c:txPr>
            <a:bodyPr rot="-54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title>
        <c:numFmt formatCode="General" sourceLinked="1"/>
        <c:majorTickMark val="out"/>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153599696"/>
        <c:crosses val="max"/>
        <c:crossBetween val="between"/>
      </c:valAx>
      <c:dateAx>
        <c:axId val="1153599696"/>
        <c:scaling>
          <c:orientation val="minMax"/>
        </c:scaling>
        <c:delete val="1"/>
        <c:axPos val="b"/>
        <c:numFmt formatCode="d\-mmm\-yy" sourceLinked="1"/>
        <c:majorTickMark val="out"/>
        <c:minorTickMark val="none"/>
        <c:tickLblPos val="nextTo"/>
        <c:crossAx val="1153601336"/>
        <c:crosses val="autoZero"/>
        <c:auto val="1"/>
        <c:lblOffset val="100"/>
        <c:baseTimeUnit val="days"/>
        <c:majorUnit val="1"/>
        <c:minorUnit val="1"/>
      </c:dateAx>
      <c:spPr>
        <a:noFill/>
        <a:ln>
          <a:noFill/>
        </a:ln>
        <a:effectLst/>
      </c:spPr>
    </c:plotArea>
    <c:legend>
      <c:legendPos val="b"/>
      <c:layout>
        <c:manualLayout>
          <c:xMode val="edge"/>
          <c:yMode val="edge"/>
          <c:x val="8.37396820168895E-2"/>
          <c:y val="0.90317651539502497"/>
          <c:w val="0.80661287629902534"/>
          <c:h val="5.0926618712808971E-2"/>
        </c:manualLayout>
      </c:layout>
      <c:overlay val="0"/>
      <c:spPr>
        <a:noFill/>
        <a:ln>
          <a:noFill/>
        </a:ln>
        <a:effectLst/>
      </c:spPr>
      <c:txPr>
        <a:bodyPr rot="0" spcFirstLastPara="1" vertOverflow="ellipsis" vert="horz" wrap="square" anchor="ctr" anchorCtr="1"/>
        <a:lstStyle/>
        <a:p>
          <a:pPr>
            <a:defRPr sz="14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sz="1400" b="0">
          <a:solidFill>
            <a:sysClr val="windowText" lastClr="000000"/>
          </a:solidFill>
          <a:latin typeface="Arial" panose="020B0604020202020204" pitchFamily="34" charset="0"/>
          <a:cs typeface="Arial" panose="020B0604020202020204" pitchFamily="34" charset="0"/>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scatterChart>
        <c:scatterStyle val="lineMarker"/>
        <c:varyColors val="0"/>
        <c:ser>
          <c:idx val="0"/>
          <c:order val="0"/>
          <c:tx>
            <c:strRef>
              <c:f>Sheet1!$B$1</c:f>
              <c:strCache>
                <c:ptCount val="1"/>
                <c:pt idx="0">
                  <c:v>ES Average Day Ahead Price</c:v>
                </c:pt>
              </c:strCache>
            </c:strRef>
          </c:tx>
          <c:spPr>
            <a:ln w="19050" cap="rnd">
              <a:noFill/>
              <a:round/>
            </a:ln>
            <a:effectLst/>
          </c:spPr>
          <c:marker>
            <c:symbol val="circle"/>
            <c:size val="5"/>
            <c:spPr>
              <a:solidFill>
                <a:srgbClr val="FF0000"/>
              </a:solidFill>
              <a:ln w="9525">
                <a:solidFill>
                  <a:srgbClr val="FF0000"/>
                </a:solidFill>
              </a:ln>
              <a:effectLst/>
            </c:spPr>
          </c:marker>
          <c:trendline>
            <c:spPr>
              <a:ln w="152400" cap="rnd">
                <a:solidFill>
                  <a:schemeClr val="bg1">
                    <a:lumMod val="50000"/>
                    <a:alpha val="64000"/>
                  </a:schemeClr>
                </a:solidFill>
                <a:prstDash val="sysDash"/>
              </a:ln>
              <a:effectLst/>
            </c:spPr>
            <c:trendlineType val="linear"/>
            <c:dispRSqr val="0"/>
            <c:dispEq val="0"/>
          </c:trendline>
          <c:xVal>
            <c:numRef>
              <c:f>Sheet1!$A$2:$A$152</c:f>
              <c:numCache>
                <c:formatCode>0%</c:formatCode>
                <c:ptCount val="151"/>
                <c:pt idx="0">
                  <c:v>0.43674205788208642</c:v>
                </c:pt>
                <c:pt idx="1">
                  <c:v>0.55033523727382083</c:v>
                </c:pt>
                <c:pt idx="2">
                  <c:v>0.49963811774000622</c:v>
                </c:pt>
                <c:pt idx="3">
                  <c:v>0.59194882053392062</c:v>
                </c:pt>
                <c:pt idx="4">
                  <c:v>0.58737506193208411</c:v>
                </c:pt>
                <c:pt idx="5">
                  <c:v>0.65974292736135531</c:v>
                </c:pt>
                <c:pt idx="6">
                  <c:v>0.71024572724052737</c:v>
                </c:pt>
                <c:pt idx="7">
                  <c:v>0.72007197795632871</c:v>
                </c:pt>
                <c:pt idx="8">
                  <c:v>0.59391665227499191</c:v>
                </c:pt>
                <c:pt idx="9">
                  <c:v>0.66817803932380826</c:v>
                </c:pt>
                <c:pt idx="10">
                  <c:v>0.69985490752275481</c:v>
                </c:pt>
                <c:pt idx="11">
                  <c:v>0.76910218736725655</c:v>
                </c:pt>
                <c:pt idx="12">
                  <c:v>0.59829417011120534</c:v>
                </c:pt>
                <c:pt idx="13">
                  <c:v>0.48005131108335219</c:v>
                </c:pt>
                <c:pt idx="14">
                  <c:v>0.51171146023263858</c:v>
                </c:pt>
                <c:pt idx="15">
                  <c:v>0.48044052955894045</c:v>
                </c:pt>
                <c:pt idx="16">
                  <c:v>0.37330546473612619</c:v>
                </c:pt>
                <c:pt idx="17">
                  <c:v>0.41763229786880351</c:v>
                </c:pt>
                <c:pt idx="18">
                  <c:v>0.45937008508538774</c:v>
                </c:pt>
                <c:pt idx="19">
                  <c:v>0.49782222739179344</c:v>
                </c:pt>
                <c:pt idx="20">
                  <c:v>0.49022316812465866</c:v>
                </c:pt>
                <c:pt idx="21">
                  <c:v>0.43629576828020555</c:v>
                </c:pt>
                <c:pt idx="22">
                  <c:v>0.45642301942016356</c:v>
                </c:pt>
                <c:pt idx="23">
                  <c:v>0.46506724661891424</c:v>
                </c:pt>
                <c:pt idx="24">
                  <c:v>0.77720489312224383</c:v>
                </c:pt>
                <c:pt idx="25">
                  <c:v>0.6715638440197792</c:v>
                </c:pt>
                <c:pt idx="26">
                  <c:v>0.6797139417080742</c:v>
                </c:pt>
                <c:pt idx="27">
                  <c:v>0.77776270821905136</c:v>
                </c:pt>
                <c:pt idx="28">
                  <c:v>0.70728243447185024</c:v>
                </c:pt>
                <c:pt idx="29">
                  <c:v>0.63688346634485937</c:v>
                </c:pt>
                <c:pt idx="30">
                  <c:v>0.6478617204814241</c:v>
                </c:pt>
                <c:pt idx="31">
                  <c:v>0.69804292410672841</c:v>
                </c:pt>
                <c:pt idx="32">
                  <c:v>0.69548803024582906</c:v>
                </c:pt>
                <c:pt idx="33">
                  <c:v>0.62957879910585379</c:v>
                </c:pt>
                <c:pt idx="34">
                  <c:v>0.48162019974707326</c:v>
                </c:pt>
                <c:pt idx="35">
                  <c:v>0.3994451119828899</c:v>
                </c:pt>
                <c:pt idx="36">
                  <c:v>0.42352183172538682</c:v>
                </c:pt>
                <c:pt idx="37">
                  <c:v>0.35620870195781801</c:v>
                </c:pt>
                <c:pt idx="38">
                  <c:v>0.48447444882083929</c:v>
                </c:pt>
                <c:pt idx="39">
                  <c:v>0.55099245333427993</c:v>
                </c:pt>
                <c:pt idx="40">
                  <c:v>0.5866276289883684</c:v>
                </c:pt>
                <c:pt idx="41">
                  <c:v>0.52297653688400036</c:v>
                </c:pt>
                <c:pt idx="42">
                  <c:v>0.462746944626649</c:v>
                </c:pt>
                <c:pt idx="43">
                  <c:v>0.46888713990253794</c:v>
                </c:pt>
                <c:pt idx="44">
                  <c:v>0.50403360977106493</c:v>
                </c:pt>
                <c:pt idx="45">
                  <c:v>0.51656641218661414</c:v>
                </c:pt>
                <c:pt idx="46">
                  <c:v>0.52439412756528458</c:v>
                </c:pt>
                <c:pt idx="47">
                  <c:v>0.50825986811521695</c:v>
                </c:pt>
                <c:pt idx="48">
                  <c:v>0.3655582060638044</c:v>
                </c:pt>
                <c:pt idx="49">
                  <c:v>0.41460474753267801</c:v>
                </c:pt>
                <c:pt idx="50">
                  <c:v>0.5841919348773712</c:v>
                </c:pt>
                <c:pt idx="51">
                  <c:v>0.69264880084184044</c:v>
                </c:pt>
                <c:pt idx="52">
                  <c:v>0.71530115360178026</c:v>
                </c:pt>
                <c:pt idx="53">
                  <c:v>0.77967124822013201</c:v>
                </c:pt>
                <c:pt idx="54">
                  <c:v>0.77855702433359608</c:v>
                </c:pt>
                <c:pt idx="55">
                  <c:v>0.61085582515426406</c:v>
                </c:pt>
                <c:pt idx="56">
                  <c:v>0.48864707478234187</c:v>
                </c:pt>
                <c:pt idx="57">
                  <c:v>0.57000111998601322</c:v>
                </c:pt>
                <c:pt idx="58">
                  <c:v>0.60902864243888732</c:v>
                </c:pt>
                <c:pt idx="59">
                  <c:v>0.65739293807535859</c:v>
                </c:pt>
                <c:pt idx="60">
                  <c:v>0.85768804183215919</c:v>
                </c:pt>
                <c:pt idx="61">
                  <c:v>0.79079510204426662</c:v>
                </c:pt>
                <c:pt idx="62">
                  <c:v>0.79316451258595722</c:v>
                </c:pt>
                <c:pt idx="63">
                  <c:v>0.70529103970207341</c:v>
                </c:pt>
                <c:pt idx="64">
                  <c:v>0.63689343536783483</c:v>
                </c:pt>
                <c:pt idx="65">
                  <c:v>0.47288516799364233</c:v>
                </c:pt>
                <c:pt idx="66">
                  <c:v>0.54668458202512427</c:v>
                </c:pt>
                <c:pt idx="67">
                  <c:v>0.62565083270817679</c:v>
                </c:pt>
                <c:pt idx="68">
                  <c:v>0.72438766440056912</c:v>
                </c:pt>
                <c:pt idx="69">
                  <c:v>0.74462350578956737</c:v>
                </c:pt>
                <c:pt idx="70">
                  <c:v>0.70880138081364974</c:v>
                </c:pt>
                <c:pt idx="71">
                  <c:v>0.70361588226538185</c:v>
                </c:pt>
                <c:pt idx="72">
                  <c:v>0.60670638062247673</c:v>
                </c:pt>
                <c:pt idx="73">
                  <c:v>0.71587162910973945</c:v>
                </c:pt>
                <c:pt idx="74">
                  <c:v>0.69263070416968597</c:v>
                </c:pt>
                <c:pt idx="75">
                  <c:v>0.67285175575553602</c:v>
                </c:pt>
                <c:pt idx="76">
                  <c:v>0.63032486195512005</c:v>
                </c:pt>
                <c:pt idx="77">
                  <c:v>0.55371819637637376</c:v>
                </c:pt>
                <c:pt idx="78">
                  <c:v>0.61891435276567686</c:v>
                </c:pt>
                <c:pt idx="79">
                  <c:v>0.56368562975602587</c:v>
                </c:pt>
                <c:pt idx="80">
                  <c:v>0.50641881354485874</c:v>
                </c:pt>
                <c:pt idx="81">
                  <c:v>0.47829979475849599</c:v>
                </c:pt>
                <c:pt idx="82">
                  <c:v>0.46472031009699505</c:v>
                </c:pt>
                <c:pt idx="83">
                  <c:v>0.40586761140594285</c:v>
                </c:pt>
                <c:pt idx="84">
                  <c:v>0.56095972772219826</c:v>
                </c:pt>
                <c:pt idx="85">
                  <c:v>0.57072208484583586</c:v>
                </c:pt>
                <c:pt idx="86">
                  <c:v>0.57808094535265953</c:v>
                </c:pt>
                <c:pt idx="87">
                  <c:v>0.59283193281805924</c:v>
                </c:pt>
                <c:pt idx="88">
                  <c:v>0.61277642448993586</c:v>
                </c:pt>
                <c:pt idx="89">
                  <c:v>0.66628893933010891</c:v>
                </c:pt>
                <c:pt idx="90">
                  <c:v>0.62953636716255645</c:v>
                </c:pt>
                <c:pt idx="91">
                  <c:v>0.50729647001034983</c:v>
                </c:pt>
                <c:pt idx="92">
                  <c:v>0.4203452695434427</c:v>
                </c:pt>
                <c:pt idx="93">
                  <c:v>0.43755864354293678</c:v>
                </c:pt>
                <c:pt idx="94">
                  <c:v>0.49425824504027072</c:v>
                </c:pt>
                <c:pt idx="95">
                  <c:v>0.53449688360703107</c:v>
                </c:pt>
                <c:pt idx="96">
                  <c:v>0.43016835768388195</c:v>
                </c:pt>
                <c:pt idx="97">
                  <c:v>0.53510146850640194</c:v>
                </c:pt>
                <c:pt idx="98">
                  <c:v>0.52049301550747096</c:v>
                </c:pt>
                <c:pt idx="99">
                  <c:v>0.4978110157220163</c:v>
                </c:pt>
                <c:pt idx="100">
                  <c:v>0.59615142574446878</c:v>
                </c:pt>
                <c:pt idx="101">
                  <c:v>0.55118993589901033</c:v>
                </c:pt>
                <c:pt idx="102">
                  <c:v>0.56138362618072213</c:v>
                </c:pt>
                <c:pt idx="103">
                  <c:v>0.67239308697819455</c:v>
                </c:pt>
                <c:pt idx="104">
                  <c:v>0.66371610178901996</c:v>
                </c:pt>
                <c:pt idx="105">
                  <c:v>0.76299000506658066</c:v>
                </c:pt>
                <c:pt idx="106">
                  <c:v>0.78399278609036804</c:v>
                </c:pt>
                <c:pt idx="107">
                  <c:v>0.72625708497841579</c:v>
                </c:pt>
                <c:pt idx="108">
                  <c:v>0.70652047216656899</c:v>
                </c:pt>
                <c:pt idx="109">
                  <c:v>0.80070090894609358</c:v>
                </c:pt>
                <c:pt idx="110">
                  <c:v>0.78753049867190728</c:v>
                </c:pt>
                <c:pt idx="111">
                  <c:v>0.66482453231717598</c:v>
                </c:pt>
                <c:pt idx="112">
                  <c:v>0.44826806033579092</c:v>
                </c:pt>
                <c:pt idx="113">
                  <c:v>0.40397790468270706</c:v>
                </c:pt>
                <c:pt idx="114">
                  <c:v>0.42685344377038142</c:v>
                </c:pt>
                <c:pt idx="115">
                  <c:v>0.44975483099840474</c:v>
                </c:pt>
                <c:pt idx="116">
                  <c:v>0.51247353325502321</c:v>
                </c:pt>
                <c:pt idx="117">
                  <c:v>0.52510593972811936</c:v>
                </c:pt>
                <c:pt idx="118">
                  <c:v>0.60084370680541144</c:v>
                </c:pt>
                <c:pt idx="119">
                  <c:v>0.57109652279632661</c:v>
                </c:pt>
                <c:pt idx="120">
                  <c:v>0.59236342877366921</c:v>
                </c:pt>
                <c:pt idx="121">
                  <c:v>0.59056791732217473</c:v>
                </c:pt>
                <c:pt idx="122">
                  <c:v>0.44056875925374328</c:v>
                </c:pt>
                <c:pt idx="123">
                  <c:v>0.65382332788045816</c:v>
                </c:pt>
                <c:pt idx="124">
                  <c:v>0.66777794738124674</c:v>
                </c:pt>
                <c:pt idx="125">
                  <c:v>0.51155540825580026</c:v>
                </c:pt>
                <c:pt idx="126">
                  <c:v>0.68664116546596798</c:v>
                </c:pt>
                <c:pt idx="127">
                  <c:v>0.6399756764764033</c:v>
                </c:pt>
                <c:pt idx="128">
                  <c:v>0.51251499205405937</c:v>
                </c:pt>
                <c:pt idx="129">
                  <c:v>0.4556704603177103</c:v>
                </c:pt>
                <c:pt idx="130">
                  <c:v>0.39054323648090677</c:v>
                </c:pt>
                <c:pt idx="131">
                  <c:v>0.60921287291984316</c:v>
                </c:pt>
                <c:pt idx="132">
                  <c:v>0.60428785963916365</c:v>
                </c:pt>
                <c:pt idx="133">
                  <c:v>0.41496325350333829</c:v>
                </c:pt>
                <c:pt idx="134">
                  <c:v>0.41510198590175351</c:v>
                </c:pt>
                <c:pt idx="135">
                  <c:v>0.50462077195315191</c:v>
                </c:pt>
                <c:pt idx="136">
                  <c:v>0.61089867865367997</c:v>
                </c:pt>
                <c:pt idx="137">
                  <c:v>0.64142237625906873</c:v>
                </c:pt>
                <c:pt idx="138">
                  <c:v>0.53482639363912077</c:v>
                </c:pt>
                <c:pt idx="139">
                  <c:v>0.38658803819894816</c:v>
                </c:pt>
                <c:pt idx="140">
                  <c:v>0.34577307173089494</c:v>
                </c:pt>
                <c:pt idx="141">
                  <c:v>0.31703767987056547</c:v>
                </c:pt>
                <c:pt idx="142">
                  <c:v>0.36242095901023658</c:v>
                </c:pt>
                <c:pt idx="143">
                  <c:v>0.50811463329410145</c:v>
                </c:pt>
                <c:pt idx="144">
                  <c:v>0.57351953905862729</c:v>
                </c:pt>
                <c:pt idx="145">
                  <c:v>0.480865637265181</c:v>
                </c:pt>
                <c:pt idx="146">
                  <c:v>0.34965981553001063</c:v>
                </c:pt>
                <c:pt idx="147">
                  <c:v>0.33585078445041311</c:v>
                </c:pt>
                <c:pt idx="148">
                  <c:v>0.36696033197274591</c:v>
                </c:pt>
                <c:pt idx="149">
                  <c:v>0.4072351109547806</c:v>
                </c:pt>
                <c:pt idx="150">
                  <c:v>0.40311371400077228</c:v>
                </c:pt>
              </c:numCache>
            </c:numRef>
          </c:xVal>
          <c:yVal>
            <c:numRef>
              <c:f>Sheet1!$B$2:$B$152</c:f>
              <c:numCache>
                <c:formatCode>General</c:formatCode>
                <c:ptCount val="151"/>
                <c:pt idx="0">
                  <c:v>50.364166666666684</c:v>
                </c:pt>
                <c:pt idx="1">
                  <c:v>49.462499999999984</c:v>
                </c:pt>
                <c:pt idx="2">
                  <c:v>49.490416666666668</c:v>
                </c:pt>
                <c:pt idx="3">
                  <c:v>43.359583333333326</c:v>
                </c:pt>
                <c:pt idx="4">
                  <c:v>45.21458333333333</c:v>
                </c:pt>
                <c:pt idx="5">
                  <c:v>39.985833333333339</c:v>
                </c:pt>
                <c:pt idx="6">
                  <c:v>38.01583333333334</c:v>
                </c:pt>
                <c:pt idx="7">
                  <c:v>27.482916666666668</c:v>
                </c:pt>
                <c:pt idx="8">
                  <c:v>47.516666666666673</c:v>
                </c:pt>
                <c:pt idx="9">
                  <c:v>43.417083333333331</c:v>
                </c:pt>
                <c:pt idx="10">
                  <c:v>37.246666666666663</c:v>
                </c:pt>
                <c:pt idx="11">
                  <c:v>36.266249999999999</c:v>
                </c:pt>
                <c:pt idx="12">
                  <c:v>43.192499999999995</c:v>
                </c:pt>
                <c:pt idx="13">
                  <c:v>46.494583333333331</c:v>
                </c:pt>
                <c:pt idx="14">
                  <c:v>48.917499999999997</c:v>
                </c:pt>
                <c:pt idx="15">
                  <c:v>49.344166666666666</c:v>
                </c:pt>
                <c:pt idx="16">
                  <c:v>56.87166666666667</c:v>
                </c:pt>
                <c:pt idx="17">
                  <c:v>49.110833333333325</c:v>
                </c:pt>
                <c:pt idx="18">
                  <c:v>44.262499999999989</c:v>
                </c:pt>
                <c:pt idx="19">
                  <c:v>43.42166666666666</c:v>
                </c:pt>
                <c:pt idx="20">
                  <c:v>46.787083333333335</c:v>
                </c:pt>
                <c:pt idx="21">
                  <c:v>46.70958333333332</c:v>
                </c:pt>
                <c:pt idx="22">
                  <c:v>46.297500000000007</c:v>
                </c:pt>
                <c:pt idx="23">
                  <c:v>39.939166666666672</c:v>
                </c:pt>
                <c:pt idx="24">
                  <c:v>16.035833333333333</c:v>
                </c:pt>
                <c:pt idx="25">
                  <c:v>32.864166666666669</c:v>
                </c:pt>
                <c:pt idx="26">
                  <c:v>26.504999999999995</c:v>
                </c:pt>
                <c:pt idx="27">
                  <c:v>20.040833333333335</c:v>
                </c:pt>
                <c:pt idx="28">
                  <c:v>38.661666666666669</c:v>
                </c:pt>
                <c:pt idx="29">
                  <c:v>48.984583333333347</c:v>
                </c:pt>
                <c:pt idx="30">
                  <c:v>48.660000000000004</c:v>
                </c:pt>
                <c:pt idx="31">
                  <c:v>42.510000000000005</c:v>
                </c:pt>
                <c:pt idx="32">
                  <c:v>48.720416666666665</c:v>
                </c:pt>
                <c:pt idx="33">
                  <c:v>46.927499999999988</c:v>
                </c:pt>
                <c:pt idx="34">
                  <c:v>59.849583333333335</c:v>
                </c:pt>
                <c:pt idx="35">
                  <c:v>67.545416666666682</c:v>
                </c:pt>
                <c:pt idx="36">
                  <c:v>70.599166666666662</c:v>
                </c:pt>
                <c:pt idx="37">
                  <c:v>88.926249999999982</c:v>
                </c:pt>
                <c:pt idx="38">
                  <c:v>94.988749999999982</c:v>
                </c:pt>
                <c:pt idx="39">
                  <c:v>80.660000000000011</c:v>
                </c:pt>
                <c:pt idx="40">
                  <c:v>66.270833333333329</c:v>
                </c:pt>
                <c:pt idx="41">
                  <c:v>82.45</c:v>
                </c:pt>
                <c:pt idx="42">
                  <c:v>84.24499999999999</c:v>
                </c:pt>
                <c:pt idx="43">
                  <c:v>89.935416666666683</c:v>
                </c:pt>
                <c:pt idx="44">
                  <c:v>87.252083333333346</c:v>
                </c:pt>
                <c:pt idx="45">
                  <c:v>78.420416666666668</c:v>
                </c:pt>
                <c:pt idx="46">
                  <c:v>67.719999999999985</c:v>
                </c:pt>
                <c:pt idx="47">
                  <c:v>64.511250000000004</c:v>
                </c:pt>
                <c:pt idx="48">
                  <c:v>82.076250000000002</c:v>
                </c:pt>
                <c:pt idx="49">
                  <c:v>76.465416666666684</c:v>
                </c:pt>
                <c:pt idx="50">
                  <c:v>51.662500000000016</c:v>
                </c:pt>
                <c:pt idx="51">
                  <c:v>41.638749999999995</c:v>
                </c:pt>
                <c:pt idx="52">
                  <c:v>41.974583333333328</c:v>
                </c:pt>
                <c:pt idx="53">
                  <c:v>27.495000000000001</c:v>
                </c:pt>
                <c:pt idx="54">
                  <c:v>28.724999999999998</c:v>
                </c:pt>
                <c:pt idx="55">
                  <c:v>59.418333333333329</c:v>
                </c:pt>
                <c:pt idx="56">
                  <c:v>65.977916666666658</c:v>
                </c:pt>
                <c:pt idx="57">
                  <c:v>59.774166666666666</c:v>
                </c:pt>
                <c:pt idx="58">
                  <c:v>55.390416666666674</c:v>
                </c:pt>
                <c:pt idx="59">
                  <c:v>47.389166666666675</c:v>
                </c:pt>
                <c:pt idx="60">
                  <c:v>4.185833333333334</c:v>
                </c:pt>
                <c:pt idx="61">
                  <c:v>1.4195833333333334</c:v>
                </c:pt>
                <c:pt idx="62">
                  <c:v>11.897500000000001</c:v>
                </c:pt>
                <c:pt idx="63">
                  <c:v>26.337500000000002</c:v>
                </c:pt>
                <c:pt idx="64">
                  <c:v>36.262500000000003</c:v>
                </c:pt>
                <c:pt idx="65">
                  <c:v>52.197083333333332</c:v>
                </c:pt>
                <c:pt idx="66">
                  <c:v>50.991250000000001</c:v>
                </c:pt>
                <c:pt idx="67">
                  <c:v>36.015833333333333</c:v>
                </c:pt>
                <c:pt idx="68">
                  <c:v>12.580833333333333</c:v>
                </c:pt>
                <c:pt idx="69">
                  <c:v>8.2966666666666669</c:v>
                </c:pt>
                <c:pt idx="70">
                  <c:v>7.1041666666666679</c:v>
                </c:pt>
                <c:pt idx="71">
                  <c:v>26.259583333333335</c:v>
                </c:pt>
                <c:pt idx="72">
                  <c:v>48.004583333333329</c:v>
                </c:pt>
                <c:pt idx="73">
                  <c:v>36.935833333333342</c:v>
                </c:pt>
                <c:pt idx="74">
                  <c:v>36.900416666666665</c:v>
                </c:pt>
                <c:pt idx="75">
                  <c:v>13.378749999999997</c:v>
                </c:pt>
                <c:pt idx="76">
                  <c:v>14.85125</c:v>
                </c:pt>
                <c:pt idx="77">
                  <c:v>23.982083333333332</c:v>
                </c:pt>
                <c:pt idx="78">
                  <c:v>41.930416666666673</c:v>
                </c:pt>
                <c:pt idx="79">
                  <c:v>36.177916666666661</c:v>
                </c:pt>
                <c:pt idx="80">
                  <c:v>22.269166666666663</c:v>
                </c:pt>
                <c:pt idx="81">
                  <c:v>2.1854166666666699</c:v>
                </c:pt>
                <c:pt idx="82">
                  <c:v>5.6745833333333335</c:v>
                </c:pt>
                <c:pt idx="83">
                  <c:v>39.390833333333326</c:v>
                </c:pt>
                <c:pt idx="84">
                  <c:v>43.647500000000001</c:v>
                </c:pt>
                <c:pt idx="85">
                  <c:v>24.822500000000002</c:v>
                </c:pt>
                <c:pt idx="86">
                  <c:v>45.832916666666669</c:v>
                </c:pt>
                <c:pt idx="87">
                  <c:v>46.092916666666667</c:v>
                </c:pt>
                <c:pt idx="88">
                  <c:v>29.243750000000002</c:v>
                </c:pt>
                <c:pt idx="89">
                  <c:v>18.533333333333335</c:v>
                </c:pt>
                <c:pt idx="90">
                  <c:v>42.242083333333341</c:v>
                </c:pt>
                <c:pt idx="91">
                  <c:v>52.666249999999998</c:v>
                </c:pt>
                <c:pt idx="92">
                  <c:v>53.243749999999999</c:v>
                </c:pt>
                <c:pt idx="93">
                  <c:v>55.425833333333344</c:v>
                </c:pt>
                <c:pt idx="94">
                  <c:v>52.453750000000014</c:v>
                </c:pt>
                <c:pt idx="95">
                  <c:v>45.073333333333345</c:v>
                </c:pt>
                <c:pt idx="96">
                  <c:v>47.053333333333342</c:v>
                </c:pt>
                <c:pt idx="97">
                  <c:v>54.42499999999999</c:v>
                </c:pt>
                <c:pt idx="98">
                  <c:v>56.87916666666667</c:v>
                </c:pt>
                <c:pt idx="99">
                  <c:v>55.867499999999986</c:v>
                </c:pt>
                <c:pt idx="100">
                  <c:v>40.759583333333332</c:v>
                </c:pt>
                <c:pt idx="101">
                  <c:v>40.162500000000001</c:v>
                </c:pt>
                <c:pt idx="102">
                  <c:v>27.752916666666668</c:v>
                </c:pt>
                <c:pt idx="103">
                  <c:v>24.544583333333339</c:v>
                </c:pt>
                <c:pt idx="104">
                  <c:v>47.584999999999987</c:v>
                </c:pt>
                <c:pt idx="105">
                  <c:v>34.514583333333341</c:v>
                </c:pt>
                <c:pt idx="106">
                  <c:v>17.349583333333335</c:v>
                </c:pt>
                <c:pt idx="107">
                  <c:v>32.772083333333327</c:v>
                </c:pt>
                <c:pt idx="108">
                  <c:v>29.661250000000006</c:v>
                </c:pt>
                <c:pt idx="109">
                  <c:v>22.188750000000002</c:v>
                </c:pt>
                <c:pt idx="110">
                  <c:v>30.275000000000002</c:v>
                </c:pt>
                <c:pt idx="111">
                  <c:v>55.794166666666662</c:v>
                </c:pt>
                <c:pt idx="112">
                  <c:v>64.471250000000012</c:v>
                </c:pt>
                <c:pt idx="113">
                  <c:v>64.815416666666664</c:v>
                </c:pt>
                <c:pt idx="114">
                  <c:v>66.353749999999977</c:v>
                </c:pt>
                <c:pt idx="115">
                  <c:v>60.310416666666661</c:v>
                </c:pt>
                <c:pt idx="116">
                  <c:v>41.105833333333329</c:v>
                </c:pt>
                <c:pt idx="117">
                  <c:v>38.601304347826087</c:v>
                </c:pt>
                <c:pt idx="118">
                  <c:v>45.691666666666663</c:v>
                </c:pt>
                <c:pt idx="119">
                  <c:v>53.532916666666665</c:v>
                </c:pt>
                <c:pt idx="120">
                  <c:v>55.158750000000005</c:v>
                </c:pt>
                <c:pt idx="121">
                  <c:v>52.117916666666673</c:v>
                </c:pt>
                <c:pt idx="122">
                  <c:v>51.004166666666684</c:v>
                </c:pt>
                <c:pt idx="123">
                  <c:v>35.175000000000004</c:v>
                </c:pt>
                <c:pt idx="124">
                  <c:v>27.734999999999999</c:v>
                </c:pt>
                <c:pt idx="125">
                  <c:v>44.552083333333321</c:v>
                </c:pt>
                <c:pt idx="126">
                  <c:v>55.970000000000006</c:v>
                </c:pt>
                <c:pt idx="127">
                  <c:v>66.111666666666665</c:v>
                </c:pt>
                <c:pt idx="128">
                  <c:v>69.775416666666658</c:v>
                </c:pt>
                <c:pt idx="129">
                  <c:v>71.867499999999993</c:v>
                </c:pt>
                <c:pt idx="130">
                  <c:v>65.005416666666662</c:v>
                </c:pt>
                <c:pt idx="131">
                  <c:v>52.012916666666676</c:v>
                </c:pt>
                <c:pt idx="132">
                  <c:v>63.035416666666663</c:v>
                </c:pt>
                <c:pt idx="133">
                  <c:v>75.497500000000002</c:v>
                </c:pt>
                <c:pt idx="134">
                  <c:v>73.956666666666678</c:v>
                </c:pt>
                <c:pt idx="135">
                  <c:v>68.185000000000002</c:v>
                </c:pt>
                <c:pt idx="136">
                  <c:v>68.927499999999995</c:v>
                </c:pt>
                <c:pt idx="137">
                  <c:v>64.188333333333347</c:v>
                </c:pt>
                <c:pt idx="138">
                  <c:v>64.539166666666659</c:v>
                </c:pt>
                <c:pt idx="139">
                  <c:v>79.024999999999991</c:v>
                </c:pt>
                <c:pt idx="140">
                  <c:v>78.576250000000002</c:v>
                </c:pt>
                <c:pt idx="141">
                  <c:v>79.596249999999984</c:v>
                </c:pt>
                <c:pt idx="142">
                  <c:v>74.414166666666645</c:v>
                </c:pt>
                <c:pt idx="143">
                  <c:v>68.555416666666659</c:v>
                </c:pt>
                <c:pt idx="144">
                  <c:v>57.311666666666667</c:v>
                </c:pt>
                <c:pt idx="145">
                  <c:v>61.088333333333331</c:v>
                </c:pt>
                <c:pt idx="146">
                  <c:v>75.98833333333333</c:v>
                </c:pt>
                <c:pt idx="147">
                  <c:v>77.953333333333333</c:v>
                </c:pt>
                <c:pt idx="148">
                  <c:v>74.404166666666683</c:v>
                </c:pt>
                <c:pt idx="149">
                  <c:v>74.668333333333337</c:v>
                </c:pt>
                <c:pt idx="150">
                  <c:v>79.285833333333343</c:v>
                </c:pt>
              </c:numCache>
            </c:numRef>
          </c:yVal>
          <c:smooth val="0"/>
          <c:extLst>
            <c:ext xmlns:c16="http://schemas.microsoft.com/office/drawing/2014/chart" uri="{C3380CC4-5D6E-409C-BE32-E72D297353CC}">
              <c16:uniqueId val="{00000001-F119-456F-91A9-9AE93E5122D4}"/>
            </c:ext>
          </c:extLst>
        </c:ser>
        <c:dLbls>
          <c:showLegendKey val="0"/>
          <c:showVal val="0"/>
          <c:showCatName val="0"/>
          <c:showSerName val="0"/>
          <c:showPercent val="0"/>
          <c:showBubbleSize val="0"/>
        </c:dLbls>
        <c:axId val="1054055680"/>
        <c:axId val="1054050760"/>
      </c:scatterChart>
      <c:valAx>
        <c:axId val="1054055680"/>
        <c:scaling>
          <c:orientation val="minMax"/>
          <c:min val="0.30000000000000004"/>
        </c:scaling>
        <c:delete val="0"/>
        <c:axPos val="b"/>
        <c:majorGridlines>
          <c:spPr>
            <a:ln w="9525" cap="flat" cmpd="sng" algn="ctr">
              <a:solidFill>
                <a:schemeClr val="tx1">
                  <a:lumMod val="15000"/>
                  <a:lumOff val="85000"/>
                </a:schemeClr>
              </a:solidFill>
              <a:round/>
            </a:ln>
            <a:effectLst/>
          </c:spPr>
        </c:majorGridlines>
        <c:title>
          <c:tx>
            <c:rich>
              <a:bodyPr rot="0" spcFirstLastPara="1" vertOverflow="ellipsis" vert="horz" wrap="square" anchor="ctr" anchorCtr="1"/>
              <a:lstStyle/>
              <a:p>
                <a:pPr>
                  <a:defRPr sz="1400" b="1" i="0" u="none" strike="noStrike" kern="1200" baseline="0">
                    <a:solidFill>
                      <a:schemeClr val="tx1">
                        <a:lumMod val="65000"/>
                        <a:lumOff val="35000"/>
                      </a:schemeClr>
                    </a:solidFill>
                    <a:latin typeface="+mn-lt"/>
                    <a:ea typeface="+mn-ea"/>
                    <a:cs typeface="+mn-cs"/>
                  </a:defRPr>
                </a:pPr>
                <a:r>
                  <a:rPr lang="en-US" sz="1400" b="1"/>
                  <a:t>Share of Renewable Generation</a:t>
                </a:r>
                <a:r>
                  <a:rPr lang="en-US" sz="1400" b="1" baseline="0"/>
                  <a:t> in Demand</a:t>
                </a:r>
                <a:endParaRPr lang="en-US" sz="1400" b="1"/>
              </a:p>
            </c:rich>
          </c:tx>
          <c:overlay val="0"/>
          <c:spPr>
            <a:noFill/>
            <a:ln>
              <a:noFill/>
            </a:ln>
            <a:effectLst/>
          </c:spPr>
          <c:txPr>
            <a:bodyPr rot="0" spcFirstLastPara="1" vertOverflow="ellipsis" vert="horz" wrap="square" anchor="ctr" anchorCtr="1"/>
            <a:lstStyle/>
            <a:p>
              <a:pPr>
                <a:defRPr sz="1400" b="1"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1054050760"/>
        <c:crosses val="autoZero"/>
        <c:crossBetween val="midCat"/>
      </c:valAx>
      <c:valAx>
        <c:axId val="1054050760"/>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400" b="1" i="0" u="none" strike="noStrike" kern="1200" baseline="0">
                    <a:solidFill>
                      <a:schemeClr val="tx1">
                        <a:lumMod val="65000"/>
                        <a:lumOff val="35000"/>
                      </a:schemeClr>
                    </a:solidFill>
                    <a:latin typeface="+mn-lt"/>
                    <a:ea typeface="+mn-ea"/>
                    <a:cs typeface="+mn-cs"/>
                  </a:defRPr>
                </a:pPr>
                <a:r>
                  <a:rPr lang="en-US" sz="1400" b="1" dirty="0"/>
                  <a:t>Avg Daily</a:t>
                </a:r>
                <a:r>
                  <a:rPr lang="en-US" sz="1400" b="1" baseline="0" dirty="0"/>
                  <a:t> </a:t>
                </a:r>
                <a:r>
                  <a:rPr lang="en-US" sz="1400" b="1" dirty="0" err="1"/>
                  <a:t>Electicity</a:t>
                </a:r>
                <a:r>
                  <a:rPr lang="en-US" sz="1400" b="1" dirty="0"/>
                  <a:t> Price (€/MWh)</a:t>
                </a:r>
              </a:p>
            </c:rich>
          </c:tx>
          <c:overlay val="0"/>
          <c:spPr>
            <a:noFill/>
            <a:ln>
              <a:noFill/>
            </a:ln>
            <a:effectLst/>
          </c:spPr>
          <c:txPr>
            <a:bodyPr rot="-5400000" spcFirstLastPara="1" vertOverflow="ellipsis" vert="horz" wrap="square" anchor="ctr" anchorCtr="1"/>
            <a:lstStyle/>
            <a:p>
              <a:pPr>
                <a:defRPr sz="1400" b="1"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1054055680"/>
        <c:crosses val="autoZero"/>
        <c:crossBetween val="midCat"/>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a:noFill/>
    </a:ln>
    <a:effectLst/>
  </c:spPr>
  <c:txPr>
    <a:bodyPr/>
    <a:lstStyle/>
    <a:p>
      <a:pPr>
        <a:defRPr/>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7532187599807687E-2"/>
          <c:y val="3.5371656139724275E-2"/>
          <c:w val="0.89888545954194321"/>
          <c:h val="0.83746122867699435"/>
        </c:manualLayout>
      </c:layout>
      <c:lineChart>
        <c:grouping val="standard"/>
        <c:varyColors val="0"/>
        <c:ser>
          <c:idx val="1"/>
          <c:order val="0"/>
          <c:tx>
            <c:strRef>
              <c:f>[weather_scenario_analysis_summary.xlsx]Sheet1!$B$1</c:f>
              <c:strCache>
                <c:ptCount val="1"/>
                <c:pt idx="0">
                  <c:v>Net Demand Deviation</c:v>
                </c:pt>
              </c:strCache>
            </c:strRef>
          </c:tx>
          <c:spPr>
            <a:ln w="28575" cap="rnd">
              <a:solidFill>
                <a:schemeClr val="bg2"/>
              </a:solidFill>
              <a:round/>
            </a:ln>
            <a:effectLst/>
          </c:spPr>
          <c:marker>
            <c:symbol val="circle"/>
            <c:size val="5"/>
            <c:spPr>
              <a:solidFill>
                <a:schemeClr val="accent2"/>
              </a:solidFill>
              <a:ln w="9525">
                <a:solidFill>
                  <a:schemeClr val="bg2"/>
                </a:solidFill>
              </a:ln>
              <a:effectLst/>
            </c:spPr>
          </c:marker>
          <c:dLbls>
            <c:dLbl>
              <c:idx val="17"/>
              <c:layout>
                <c:manualLayout>
                  <c:x val="-3.8580007301608446E-2"/>
                  <c:y val="-4.9663791771843761E-2"/>
                </c:manualLayout>
              </c:layout>
              <c:dLblPos val="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E29D-481D-9867-C30DA67D7FF9}"/>
                </c:ext>
              </c:extLst>
            </c:dLbl>
            <c:dLbl>
              <c:idx val="18"/>
              <c:layout>
                <c:manualLayout>
                  <c:x val="-2.3762895092609471E-2"/>
                  <c:y val="3.8627393600322926E-2"/>
                </c:manualLayout>
              </c:layout>
              <c:dLblPos val="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E29D-481D-9867-C30DA67D7FF9}"/>
                </c:ext>
              </c:extLst>
            </c:dLbl>
            <c:dLbl>
              <c:idx val="26"/>
              <c:layout>
                <c:manualLayout>
                  <c:x val="-2.9936691846358991E-2"/>
                  <c:y val="3.5868294057442615E-2"/>
                </c:manualLayout>
              </c:layout>
              <c:dLblPos val="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E29D-481D-9867-C30DA67D7FF9}"/>
                </c:ext>
              </c:extLst>
            </c:dLbl>
            <c:spPr>
              <a:noFill/>
              <a:ln>
                <a:noFill/>
              </a:ln>
              <a:effectLst/>
            </c:spPr>
            <c:txPr>
              <a:bodyPr rot="0" spcFirstLastPara="1" vertOverflow="ellipsis" vert="horz" wrap="square" anchor="ctr" anchorCtr="1"/>
              <a:lstStyle/>
              <a:p>
                <a:pPr>
                  <a:defRPr sz="1400" b="0" i="0" u="none" strike="noStrike" kern="1200" baseline="0">
                    <a:solidFill>
                      <a:schemeClr val="tx1">
                        <a:lumMod val="75000"/>
                        <a:lumOff val="25000"/>
                      </a:schemeClr>
                    </a:solidFill>
                    <a:latin typeface="+mn-lt"/>
                    <a:ea typeface="+mn-ea"/>
                    <a:cs typeface="+mn-cs"/>
                  </a:defRPr>
                </a:pPr>
                <a:endParaRPr lang="en-US"/>
              </a:p>
            </c:txPr>
            <c:dLblPos val="l"/>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weather_scenario_analysis_summary.xlsx]Sheet1!$A$2:$A$36</c:f>
              <c:numCache>
                <c:formatCode>General</c:formatCode>
                <c:ptCount val="35"/>
                <c:pt idx="0">
                  <c:v>1982</c:v>
                </c:pt>
                <c:pt idx="1">
                  <c:v>1983</c:v>
                </c:pt>
                <c:pt idx="2">
                  <c:v>1984</c:v>
                </c:pt>
                <c:pt idx="3">
                  <c:v>1985</c:v>
                </c:pt>
                <c:pt idx="4">
                  <c:v>1986</c:v>
                </c:pt>
                <c:pt idx="5">
                  <c:v>1987</c:v>
                </c:pt>
                <c:pt idx="6">
                  <c:v>1988</c:v>
                </c:pt>
                <c:pt idx="7">
                  <c:v>1989</c:v>
                </c:pt>
                <c:pt idx="8">
                  <c:v>1990</c:v>
                </c:pt>
                <c:pt idx="9">
                  <c:v>1991</c:v>
                </c:pt>
                <c:pt idx="10">
                  <c:v>1992</c:v>
                </c:pt>
                <c:pt idx="11">
                  <c:v>1993</c:v>
                </c:pt>
                <c:pt idx="12">
                  <c:v>1994</c:v>
                </c:pt>
                <c:pt idx="13">
                  <c:v>1995</c:v>
                </c:pt>
                <c:pt idx="14">
                  <c:v>1996</c:v>
                </c:pt>
                <c:pt idx="15">
                  <c:v>1997</c:v>
                </c:pt>
                <c:pt idx="16">
                  <c:v>1998</c:v>
                </c:pt>
                <c:pt idx="17">
                  <c:v>1999</c:v>
                </c:pt>
                <c:pt idx="18">
                  <c:v>2000</c:v>
                </c:pt>
                <c:pt idx="19">
                  <c:v>2001</c:v>
                </c:pt>
                <c:pt idx="20">
                  <c:v>2002</c:v>
                </c:pt>
                <c:pt idx="21">
                  <c:v>2003</c:v>
                </c:pt>
                <c:pt idx="22">
                  <c:v>2004</c:v>
                </c:pt>
                <c:pt idx="23">
                  <c:v>2005</c:v>
                </c:pt>
                <c:pt idx="24">
                  <c:v>2006</c:v>
                </c:pt>
                <c:pt idx="25">
                  <c:v>2007</c:v>
                </c:pt>
                <c:pt idx="26">
                  <c:v>2008</c:v>
                </c:pt>
                <c:pt idx="27">
                  <c:v>2009</c:v>
                </c:pt>
                <c:pt idx="28">
                  <c:v>2010</c:v>
                </c:pt>
                <c:pt idx="29">
                  <c:v>2011</c:v>
                </c:pt>
                <c:pt idx="30">
                  <c:v>2012</c:v>
                </c:pt>
                <c:pt idx="31">
                  <c:v>2013</c:v>
                </c:pt>
                <c:pt idx="32">
                  <c:v>2014</c:v>
                </c:pt>
                <c:pt idx="33">
                  <c:v>2015</c:v>
                </c:pt>
                <c:pt idx="34">
                  <c:v>2016</c:v>
                </c:pt>
              </c:numCache>
            </c:numRef>
          </c:cat>
          <c:val>
            <c:numRef>
              <c:f>[weather_scenario_analysis_summary.xlsx]Sheet1!$B$2:$B$36</c:f>
              <c:numCache>
                <c:formatCode>0.00</c:formatCode>
                <c:ptCount val="35"/>
                <c:pt idx="0">
                  <c:v>1.020917154753864</c:v>
                </c:pt>
                <c:pt idx="1">
                  <c:v>0.96346037653754857</c:v>
                </c:pt>
                <c:pt idx="2">
                  <c:v>1.0296200655657719</c:v>
                </c:pt>
                <c:pt idx="3">
                  <c:v>1.0394126552828351</c:v>
                </c:pt>
                <c:pt idx="4">
                  <c:v>0.99159774095648245</c:v>
                </c:pt>
                <c:pt idx="5">
                  <c:v>1.0995537145833461</c:v>
                </c:pt>
                <c:pt idx="6">
                  <c:v>0.95826211765199321</c:v>
                </c:pt>
                <c:pt idx="7">
                  <c:v>0.99799604036323775</c:v>
                </c:pt>
                <c:pt idx="8">
                  <c:v>0.93436155808698662</c:v>
                </c:pt>
                <c:pt idx="9">
                  <c:v>1.0493422479028649</c:v>
                </c:pt>
                <c:pt idx="10">
                  <c:v>0.97504261128256819</c:v>
                </c:pt>
                <c:pt idx="11">
                  <c:v>1.012809497096931</c:v>
                </c:pt>
                <c:pt idx="12">
                  <c:v>0.92923016066609176</c:v>
                </c:pt>
                <c:pt idx="13">
                  <c:v>0.98546655974676189</c:v>
                </c:pt>
                <c:pt idx="14">
                  <c:v>1.076059332854165</c:v>
                </c:pt>
                <c:pt idx="15">
                  <c:v>1.033241591479696</c:v>
                </c:pt>
                <c:pt idx="16">
                  <c:v>0.92919093060646019</c:v>
                </c:pt>
                <c:pt idx="17">
                  <c:v>0.96118613500379424</c:v>
                </c:pt>
                <c:pt idx="18">
                  <c:v>0.96062154315437143</c:v>
                </c:pt>
                <c:pt idx="19">
                  <c:v>1.0265092000443961</c:v>
                </c:pt>
                <c:pt idx="20">
                  <c:v>0.96893489219545381</c:v>
                </c:pt>
                <c:pt idx="21">
                  <c:v>1.052675680995693</c:v>
                </c:pt>
                <c:pt idx="22">
                  <c:v>1.0123103037055099</c:v>
                </c:pt>
                <c:pt idx="23">
                  <c:v>1.0240483431405101</c:v>
                </c:pt>
                <c:pt idx="24">
                  <c:v>1.00495268200206</c:v>
                </c:pt>
                <c:pt idx="25">
                  <c:v>0.9561851055706081</c:v>
                </c:pt>
                <c:pt idx="26">
                  <c:v>0.95347996889037301</c:v>
                </c:pt>
                <c:pt idx="27">
                  <c:v>1.0135922581292309</c:v>
                </c:pt>
                <c:pt idx="28">
                  <c:v>1.103336575148016</c:v>
                </c:pt>
                <c:pt idx="29">
                  <c:v>0.9528619500796065</c:v>
                </c:pt>
                <c:pt idx="30">
                  <c:v>1.003862004372281</c:v>
                </c:pt>
                <c:pt idx="31">
                  <c:v>1.0174805340093629</c:v>
                </c:pt>
                <c:pt idx="32">
                  <c:v>0.9793105886296265</c:v>
                </c:pt>
                <c:pt idx="33">
                  <c:v>0.92240234089567552</c:v>
                </c:pt>
                <c:pt idx="34">
                  <c:v>1.060685538615844</c:v>
                </c:pt>
              </c:numCache>
            </c:numRef>
          </c:val>
          <c:smooth val="0"/>
          <c:extLst>
            <c:ext xmlns:c16="http://schemas.microsoft.com/office/drawing/2014/chart" uri="{C3380CC4-5D6E-409C-BE32-E72D297353CC}">
              <c16:uniqueId val="{00000000-D921-4075-AA50-C9A957882175}"/>
            </c:ext>
          </c:extLst>
        </c:ser>
        <c:dLbls>
          <c:dLblPos val="l"/>
          <c:showLegendKey val="0"/>
          <c:showVal val="1"/>
          <c:showCatName val="0"/>
          <c:showSerName val="0"/>
          <c:showPercent val="0"/>
          <c:showBubbleSize val="0"/>
        </c:dLbls>
        <c:marker val="1"/>
        <c:smooth val="0"/>
        <c:axId val="162117487"/>
        <c:axId val="162109999"/>
      </c:lineChart>
      <c:catAx>
        <c:axId val="16211748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162109999"/>
        <c:crosses val="autoZero"/>
        <c:auto val="1"/>
        <c:lblAlgn val="ctr"/>
        <c:lblOffset val="100"/>
        <c:noMultiLvlLbl val="0"/>
      </c:catAx>
      <c:valAx>
        <c:axId val="162109999"/>
        <c:scaling>
          <c:orientation val="minMax"/>
          <c:min val="0.9"/>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r>
                  <a:rPr lang="en-GB"/>
                  <a:t>Normalized Net-Demand</a:t>
                </a:r>
              </a:p>
            </c:rich>
          </c:tx>
          <c:overlay val="0"/>
          <c:spPr>
            <a:noFill/>
            <a:ln>
              <a:noFill/>
            </a:ln>
            <a:effectLst/>
          </c:spPr>
          <c:txPr>
            <a:bodyPr rot="-54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title>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162117487"/>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400"/>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988021878951344"/>
          <c:y val="5.5715366403871272E-2"/>
          <c:w val="0.79754374453193355"/>
          <c:h val="0.75340157981616573"/>
        </c:manualLayout>
      </c:layout>
      <c:barChart>
        <c:barDir val="bar"/>
        <c:grouping val="stacked"/>
        <c:varyColors val="0"/>
        <c:ser>
          <c:idx val="0"/>
          <c:order val="0"/>
          <c:tx>
            <c:strRef>
              <c:f>Sheet1!$A$18</c:f>
              <c:strCache>
                <c:ptCount val="1"/>
                <c:pt idx="0">
                  <c:v>Min</c:v>
                </c:pt>
              </c:strCache>
            </c:strRef>
          </c:tx>
          <c:spPr>
            <a:solidFill>
              <a:schemeClr val="accent1"/>
            </a:solidFill>
            <a:ln>
              <a:noFill/>
            </a:ln>
            <a:effectLst>
              <a:glow>
                <a:schemeClr val="accent1">
                  <a:alpha val="40000"/>
                </a:schemeClr>
              </a:glow>
            </a:effectLst>
          </c:spPr>
          <c:invertIfNegative val="0"/>
          <c:dLbls>
            <c:dLbl>
              <c:idx val="0"/>
              <c:layout>
                <c:manualLayout>
                  <c:x val="-8.9561912754369963E-2"/>
                  <c:y val="2.7608545078422386E-7"/>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9D32-4C89-8CE4-8C0412A81B15}"/>
                </c:ext>
              </c:extLst>
            </c:dLbl>
            <c:dLbl>
              <c:idx val="1"/>
              <c:layout>
                <c:manualLayout>
                  <c:x val="-1.1134428281128683E-2"/>
                  <c:y val="2.7608545071994269E-7"/>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4-9D32-4C89-8CE4-8C0412A81B15}"/>
                </c:ext>
              </c:extLst>
            </c:dLbl>
            <c:dLbl>
              <c:idx val="2"/>
              <c:layout>
                <c:manualLayout>
                  <c:x val="-1.4032157813118028E-2"/>
                  <c:y val="-3.5062852233268371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2C19-4770-B11B-4E38014AC281}"/>
                </c:ext>
              </c:extLst>
            </c:dLbl>
            <c:dLbl>
              <c:idx val="3"/>
              <c:layout>
                <c:manualLayout>
                  <c:x val="-8.0367588122160341E-2"/>
                  <c:y val="3.5062852233269013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1-2C19-4770-B11B-4E38014AC281}"/>
                </c:ext>
              </c:extLst>
            </c:dLbl>
            <c:dLbl>
              <c:idx val="4"/>
              <c:layout>
                <c:manualLayout>
                  <c:x val="-0.14803115536664638"/>
                  <c:y val="6.6569723862093108E-3"/>
                </c:manualLayout>
              </c:layout>
              <c:dLblPos val="ctr"/>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3-9D32-4C89-8CE4-8C0412A81B15}"/>
                </c:ext>
              </c:extLst>
            </c:dLbl>
            <c:spPr>
              <a:noFill/>
              <a:ln>
                <a:noFill/>
              </a:ln>
              <a:effectLst/>
            </c:spPr>
            <c:txPr>
              <a:bodyPr rot="0" spcFirstLastPara="1" vertOverflow="ellipsis" vert="horz" wrap="square" anchor="ctr" anchorCtr="1"/>
              <a:lstStyle/>
              <a:p>
                <a:pPr>
                  <a:defRPr sz="1400" b="1"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Sheet1!$B$15:$F$15</c:f>
              <c:strCache>
                <c:ptCount val="5"/>
                <c:pt idx="0">
                  <c:v>Net-Demand</c:v>
                </c:pt>
                <c:pt idx="1">
                  <c:v>Demand</c:v>
                </c:pt>
                <c:pt idx="2">
                  <c:v>PV</c:v>
                </c:pt>
                <c:pt idx="3">
                  <c:v>Onshore wind</c:v>
                </c:pt>
                <c:pt idx="4">
                  <c:v>Offshore wind</c:v>
                </c:pt>
              </c:strCache>
            </c:strRef>
          </c:cat>
          <c:val>
            <c:numRef>
              <c:f>Sheet1!$B$18:$F$18</c:f>
              <c:numCache>
                <c:formatCode>0%</c:formatCode>
                <c:ptCount val="5"/>
                <c:pt idx="0">
                  <c:v>-8.0545229244114003E-2</c:v>
                </c:pt>
                <c:pt idx="1">
                  <c:v>-2.2727272727272728E-2</c:v>
                </c:pt>
                <c:pt idx="2">
                  <c:v>-2.564102564102564E-2</c:v>
                </c:pt>
                <c:pt idx="3">
                  <c:v>-7.4879227053140096E-2</c:v>
                </c:pt>
                <c:pt idx="4">
                  <c:v>-0.12903225806451613</c:v>
                </c:pt>
              </c:numCache>
            </c:numRef>
          </c:val>
          <c:extLst>
            <c:ext xmlns:c16="http://schemas.microsoft.com/office/drawing/2014/chart" uri="{C3380CC4-5D6E-409C-BE32-E72D297353CC}">
              <c16:uniqueId val="{00000000-9D32-4C89-8CE4-8C0412A81B15}"/>
            </c:ext>
          </c:extLst>
        </c:ser>
        <c:ser>
          <c:idx val="1"/>
          <c:order val="1"/>
          <c:tx>
            <c:strRef>
              <c:f>Sheet1!$A$19</c:f>
              <c:strCache>
                <c:ptCount val="1"/>
                <c:pt idx="0">
                  <c:v>Max</c:v>
                </c:pt>
              </c:strCache>
            </c:strRef>
          </c:tx>
          <c:spPr>
            <a:solidFill>
              <a:schemeClr val="accent2"/>
            </a:solidFill>
            <a:ln>
              <a:noFill/>
            </a:ln>
            <a:effectLst/>
          </c:spPr>
          <c:invertIfNegative val="0"/>
          <c:dLbls>
            <c:spPr>
              <a:noFill/>
              <a:ln>
                <a:noFill/>
              </a:ln>
              <a:effectLst/>
            </c:spPr>
            <c:txPr>
              <a:bodyPr rot="0" spcFirstLastPara="1" vertOverflow="ellipsis" vert="horz" wrap="square" anchor="ctr" anchorCtr="1"/>
              <a:lstStyle/>
              <a:p>
                <a:pPr>
                  <a:defRPr sz="1400" b="1"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B$15:$F$15</c:f>
              <c:strCache>
                <c:ptCount val="5"/>
                <c:pt idx="0">
                  <c:v>Net-Demand</c:v>
                </c:pt>
                <c:pt idx="1">
                  <c:v>Demand</c:v>
                </c:pt>
                <c:pt idx="2">
                  <c:v>PV</c:v>
                </c:pt>
                <c:pt idx="3">
                  <c:v>Onshore wind</c:v>
                </c:pt>
                <c:pt idx="4">
                  <c:v>Offshore wind</c:v>
                </c:pt>
              </c:strCache>
            </c:strRef>
          </c:cat>
          <c:val>
            <c:numRef>
              <c:f>Sheet1!$B$19:$F$19</c:f>
              <c:numCache>
                <c:formatCode>0%</c:formatCode>
                <c:ptCount val="5"/>
                <c:pt idx="0">
                  <c:v>0.11771995043370508</c:v>
                </c:pt>
                <c:pt idx="1">
                  <c:v>2.5119617224880382E-2</c:v>
                </c:pt>
                <c:pt idx="2">
                  <c:v>2.564102564102564E-2</c:v>
                </c:pt>
                <c:pt idx="3">
                  <c:v>7.7294685990338161E-2</c:v>
                </c:pt>
                <c:pt idx="4">
                  <c:v>0.10599078341013825</c:v>
                </c:pt>
              </c:numCache>
            </c:numRef>
          </c:val>
          <c:extLst>
            <c:ext xmlns:c16="http://schemas.microsoft.com/office/drawing/2014/chart" uri="{C3380CC4-5D6E-409C-BE32-E72D297353CC}">
              <c16:uniqueId val="{00000001-9D32-4C89-8CE4-8C0412A81B15}"/>
            </c:ext>
          </c:extLst>
        </c:ser>
        <c:dLbls>
          <c:dLblPos val="inEnd"/>
          <c:showLegendKey val="0"/>
          <c:showVal val="1"/>
          <c:showCatName val="0"/>
          <c:showSerName val="0"/>
          <c:showPercent val="0"/>
          <c:showBubbleSize val="0"/>
        </c:dLbls>
        <c:gapWidth val="133"/>
        <c:overlap val="100"/>
        <c:axId val="1286966104"/>
        <c:axId val="1286966432"/>
      </c:barChart>
      <c:catAx>
        <c:axId val="1286966104"/>
        <c:scaling>
          <c:orientation val="minMax"/>
        </c:scaling>
        <c:delete val="0"/>
        <c:axPos val="l"/>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1" i="0" u="none" strike="noStrike" kern="1200" baseline="0">
                <a:solidFill>
                  <a:schemeClr val="tx1">
                    <a:lumMod val="65000"/>
                    <a:lumOff val="35000"/>
                  </a:schemeClr>
                </a:solidFill>
                <a:latin typeface="+mn-lt"/>
                <a:ea typeface="+mn-ea"/>
                <a:cs typeface="+mn-cs"/>
              </a:defRPr>
            </a:pPr>
            <a:endParaRPr lang="en-US"/>
          </a:p>
        </c:txPr>
        <c:crossAx val="1286966432"/>
        <c:crosses val="autoZero"/>
        <c:auto val="1"/>
        <c:lblAlgn val="ctr"/>
        <c:lblOffset val="100"/>
        <c:noMultiLvlLbl val="0"/>
      </c:catAx>
      <c:valAx>
        <c:axId val="1286966432"/>
        <c:scaling>
          <c:orientation val="minMax"/>
        </c:scaling>
        <c:delete val="0"/>
        <c:axPos val="b"/>
        <c:majorGridlines>
          <c:spPr>
            <a:ln w="9525" cap="flat" cmpd="sng" algn="ctr">
              <a:solidFill>
                <a:schemeClr val="tx1">
                  <a:lumMod val="15000"/>
                  <a:lumOff val="85000"/>
                </a:schemeClr>
              </a:solidFill>
              <a:round/>
            </a:ln>
            <a:effectLst/>
          </c:spPr>
        </c:majorGridlines>
        <c:title>
          <c:tx>
            <c:rich>
              <a:bodyPr rot="0" spcFirstLastPara="1" vertOverflow="ellipsis" vert="horz" wrap="square" anchor="ctr" anchorCtr="1"/>
              <a:lstStyle/>
              <a:p>
                <a:pPr>
                  <a:defRPr sz="1600" b="1" i="0" u="none" strike="noStrike" kern="1200" baseline="0">
                    <a:solidFill>
                      <a:schemeClr val="tx1">
                        <a:lumMod val="65000"/>
                        <a:lumOff val="35000"/>
                      </a:schemeClr>
                    </a:solidFill>
                    <a:latin typeface="+mn-lt"/>
                    <a:ea typeface="+mn-ea"/>
                    <a:cs typeface="+mn-cs"/>
                  </a:defRPr>
                </a:pPr>
                <a:r>
                  <a:rPr lang="en-GB" sz="1600" b="1"/>
                  <a:t>% Change</a:t>
                </a:r>
                <a:endParaRPr lang="en-US" sz="1600" b="1"/>
              </a:p>
            </c:rich>
          </c:tx>
          <c:layout>
            <c:manualLayout>
              <c:xMode val="edge"/>
              <c:yMode val="edge"/>
              <c:x val="0.53249972270530799"/>
              <c:y val="0.90743407010416977"/>
            </c:manualLayout>
          </c:layout>
          <c:overlay val="0"/>
          <c:spPr>
            <a:noFill/>
            <a:ln>
              <a:noFill/>
            </a:ln>
            <a:effectLst/>
          </c:spPr>
          <c:txPr>
            <a:bodyPr rot="0" spcFirstLastPara="1" vertOverflow="ellipsis" vert="horz" wrap="square" anchor="ctr" anchorCtr="1"/>
            <a:lstStyle/>
            <a:p>
              <a:pPr>
                <a:defRPr sz="1600" b="1"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out"/>
        <c:minorTickMark val="none"/>
        <c:tickLblPos val="nextTo"/>
        <c:spPr>
          <a:noFill/>
          <a:ln>
            <a:noFill/>
          </a:ln>
          <a:effectLst/>
        </c:spPr>
        <c:txPr>
          <a:bodyPr rot="-60000000" spcFirstLastPara="1" vertOverflow="ellipsis" vert="horz" wrap="square" anchor="ctr" anchorCtr="1"/>
          <a:lstStyle/>
          <a:p>
            <a:pPr>
              <a:defRPr sz="1400" b="1" i="0" u="none" strike="noStrike" kern="1200" baseline="0">
                <a:solidFill>
                  <a:schemeClr val="tx1">
                    <a:lumMod val="65000"/>
                    <a:lumOff val="35000"/>
                  </a:schemeClr>
                </a:solidFill>
                <a:latin typeface="+mn-lt"/>
                <a:ea typeface="+mn-ea"/>
                <a:cs typeface="+mn-cs"/>
              </a:defRPr>
            </a:pPr>
            <a:endParaRPr lang="en-US"/>
          </a:p>
        </c:txPr>
        <c:crossAx val="1286966104"/>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200"/>
      </a:pPr>
      <a:endParaRPr lang="en-US"/>
    </a:p>
  </c:txPr>
  <c:externalData r:id="rId3">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1983445022500493"/>
          <c:y val="3.0982260241482141E-2"/>
          <c:w val="0.85528571031674516"/>
          <c:h val="0.76142196515407545"/>
        </c:manualLayout>
      </c:layout>
      <c:lineChart>
        <c:grouping val="standard"/>
        <c:varyColors val="0"/>
        <c:ser>
          <c:idx val="0"/>
          <c:order val="0"/>
          <c:tx>
            <c:strRef>
              <c:f>MCPs!$B$1</c:f>
              <c:strCache>
                <c:ptCount val="1"/>
                <c:pt idx="0">
                  <c:v>Base Case</c:v>
                </c:pt>
              </c:strCache>
            </c:strRef>
          </c:tx>
          <c:spPr>
            <a:ln w="28575" cap="rnd">
              <a:solidFill>
                <a:schemeClr val="accent2"/>
              </a:solidFill>
              <a:round/>
            </a:ln>
            <a:effectLst/>
          </c:spPr>
          <c:marker>
            <c:symbol val="none"/>
          </c:marker>
          <c:cat>
            <c:numRef>
              <c:f>MCPs!$A$21:$A$25</c:f>
              <c:numCache>
                <c:formatCode>General</c:formatCode>
                <c:ptCount val="5"/>
                <c:pt idx="0">
                  <c:v>2025</c:v>
                </c:pt>
                <c:pt idx="1">
                  <c:v>2030</c:v>
                </c:pt>
                <c:pt idx="2">
                  <c:v>2035</c:v>
                </c:pt>
                <c:pt idx="3">
                  <c:v>2040</c:v>
                </c:pt>
                <c:pt idx="4">
                  <c:v>2045</c:v>
                </c:pt>
              </c:numCache>
            </c:numRef>
          </c:cat>
          <c:val>
            <c:numRef>
              <c:f>MCPs!$B$21:$B$25</c:f>
              <c:numCache>
                <c:formatCode>General</c:formatCode>
                <c:ptCount val="5"/>
                <c:pt idx="0">
                  <c:v>75.701792792768003</c:v>
                </c:pt>
                <c:pt idx="1">
                  <c:v>68.642925114187733</c:v>
                </c:pt>
                <c:pt idx="2">
                  <c:v>63.591217477236</c:v>
                </c:pt>
                <c:pt idx="3">
                  <c:v>57.763912124266582</c:v>
                </c:pt>
                <c:pt idx="4">
                  <c:v>52.026203322692403</c:v>
                </c:pt>
              </c:numCache>
            </c:numRef>
          </c:val>
          <c:smooth val="0"/>
          <c:extLst>
            <c:ext xmlns:c16="http://schemas.microsoft.com/office/drawing/2014/chart" uri="{C3380CC4-5D6E-409C-BE32-E72D297353CC}">
              <c16:uniqueId val="{00000000-E7F3-4550-B56B-A534BC76E2E3}"/>
            </c:ext>
          </c:extLst>
        </c:ser>
        <c:ser>
          <c:idx val="1"/>
          <c:order val="1"/>
          <c:tx>
            <c:strRef>
              <c:f>MCPs!$C$1</c:f>
              <c:strCache>
                <c:ptCount val="1"/>
                <c:pt idx="0">
                  <c:v>High Net-Demand</c:v>
                </c:pt>
              </c:strCache>
            </c:strRef>
          </c:tx>
          <c:spPr>
            <a:ln w="28575" cap="rnd">
              <a:noFill/>
              <a:round/>
            </a:ln>
            <a:effectLst/>
          </c:spPr>
          <c:marker>
            <c:symbol val="circle"/>
            <c:size val="6"/>
            <c:spPr>
              <a:solidFill>
                <a:schemeClr val="bg2"/>
              </a:solidFill>
              <a:ln w="9525">
                <a:solidFill>
                  <a:schemeClr val="bg2"/>
                </a:solidFill>
              </a:ln>
              <a:effectLst/>
            </c:spPr>
          </c:marker>
          <c:cat>
            <c:numRef>
              <c:f>MCPs!$A$21:$A$25</c:f>
              <c:numCache>
                <c:formatCode>General</c:formatCode>
                <c:ptCount val="5"/>
                <c:pt idx="0">
                  <c:v>2025</c:v>
                </c:pt>
                <c:pt idx="1">
                  <c:v>2030</c:v>
                </c:pt>
                <c:pt idx="2">
                  <c:v>2035</c:v>
                </c:pt>
                <c:pt idx="3">
                  <c:v>2040</c:v>
                </c:pt>
                <c:pt idx="4">
                  <c:v>2045</c:v>
                </c:pt>
              </c:numCache>
            </c:numRef>
          </c:cat>
          <c:val>
            <c:numRef>
              <c:f>MCPs!$C$21:$C$25</c:f>
              <c:numCache>
                <c:formatCode>General</c:formatCode>
                <c:ptCount val="5"/>
                <c:pt idx="0">
                  <c:v>77.054613823008793</c:v>
                </c:pt>
                <c:pt idx="1">
                  <c:v>72.18512241740234</c:v>
                </c:pt>
                <c:pt idx="2">
                  <c:v>71.909487406223249</c:v>
                </c:pt>
                <c:pt idx="3">
                  <c:v>69</c:v>
                </c:pt>
                <c:pt idx="4">
                  <c:v>67</c:v>
                </c:pt>
              </c:numCache>
            </c:numRef>
          </c:val>
          <c:smooth val="0"/>
          <c:extLst>
            <c:ext xmlns:c16="http://schemas.microsoft.com/office/drawing/2014/chart" uri="{C3380CC4-5D6E-409C-BE32-E72D297353CC}">
              <c16:uniqueId val="{00000001-E7F3-4550-B56B-A534BC76E2E3}"/>
            </c:ext>
          </c:extLst>
        </c:ser>
        <c:ser>
          <c:idx val="2"/>
          <c:order val="2"/>
          <c:tx>
            <c:strRef>
              <c:f>MCPs!$D$1</c:f>
              <c:strCache>
                <c:ptCount val="1"/>
                <c:pt idx="0">
                  <c:v>Low-Net Demand</c:v>
                </c:pt>
              </c:strCache>
            </c:strRef>
          </c:tx>
          <c:spPr>
            <a:ln w="28575" cap="rnd">
              <a:noFill/>
              <a:round/>
            </a:ln>
            <a:effectLst/>
          </c:spPr>
          <c:marker>
            <c:symbol val="triangle"/>
            <c:size val="6"/>
            <c:spPr>
              <a:solidFill>
                <a:schemeClr val="accent3"/>
              </a:solidFill>
              <a:ln w="9525">
                <a:solidFill>
                  <a:schemeClr val="accent3"/>
                </a:solidFill>
              </a:ln>
              <a:effectLst/>
            </c:spPr>
          </c:marker>
          <c:cat>
            <c:numRef>
              <c:f>MCPs!$A$21:$A$25</c:f>
              <c:numCache>
                <c:formatCode>General</c:formatCode>
                <c:ptCount val="5"/>
                <c:pt idx="0">
                  <c:v>2025</c:v>
                </c:pt>
                <c:pt idx="1">
                  <c:v>2030</c:v>
                </c:pt>
                <c:pt idx="2">
                  <c:v>2035</c:v>
                </c:pt>
                <c:pt idx="3">
                  <c:v>2040</c:v>
                </c:pt>
                <c:pt idx="4">
                  <c:v>2045</c:v>
                </c:pt>
              </c:numCache>
            </c:numRef>
          </c:cat>
          <c:val>
            <c:numRef>
              <c:f>MCPs!$D$21:$D$25</c:f>
              <c:numCache>
                <c:formatCode>General</c:formatCode>
                <c:ptCount val="5"/>
                <c:pt idx="0">
                  <c:v>74.633319861600597</c:v>
                </c:pt>
                <c:pt idx="1">
                  <c:v>64.495679736909821</c:v>
                </c:pt>
                <c:pt idx="2">
                  <c:v>58.545659880447296</c:v>
                </c:pt>
                <c:pt idx="3">
                  <c:v>49.2</c:v>
                </c:pt>
                <c:pt idx="4">
                  <c:v>43.1</c:v>
                </c:pt>
              </c:numCache>
            </c:numRef>
          </c:val>
          <c:smooth val="0"/>
          <c:extLst>
            <c:ext xmlns:c16="http://schemas.microsoft.com/office/drawing/2014/chart" uri="{C3380CC4-5D6E-409C-BE32-E72D297353CC}">
              <c16:uniqueId val="{00000002-E7F3-4550-B56B-A534BC76E2E3}"/>
            </c:ext>
          </c:extLst>
        </c:ser>
        <c:dLbls>
          <c:showLegendKey val="0"/>
          <c:showVal val="0"/>
          <c:showCatName val="0"/>
          <c:showSerName val="0"/>
          <c:showPercent val="0"/>
          <c:showBubbleSize val="0"/>
        </c:dLbls>
        <c:smooth val="0"/>
        <c:axId val="938405968"/>
        <c:axId val="938407280"/>
      </c:lineChart>
      <c:catAx>
        <c:axId val="9384059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938407280"/>
        <c:crosses val="autoZero"/>
        <c:auto val="1"/>
        <c:lblAlgn val="ctr"/>
        <c:lblOffset val="100"/>
        <c:noMultiLvlLbl val="0"/>
      </c:catAx>
      <c:valAx>
        <c:axId val="938407280"/>
        <c:scaling>
          <c:orientation val="minMax"/>
          <c:max val="80"/>
          <c:min val="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r>
                  <a:rPr lang="en-US" sz="1200" dirty="0"/>
                  <a:t>€/MWh</a:t>
                </a:r>
              </a:p>
            </c:rich>
          </c:tx>
          <c:overlay val="0"/>
          <c:spPr>
            <a:noFill/>
            <a:ln>
              <a:noFill/>
            </a:ln>
            <a:effectLst/>
          </c:spPr>
          <c:txPr>
            <a:bodyPr rot="-54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938405968"/>
        <c:crosses val="autoZero"/>
        <c:crossBetween val="between"/>
        <c:majorUnit val="10"/>
      </c:valAx>
      <c:spPr>
        <a:noFill/>
        <a:ln>
          <a:noFill/>
        </a:ln>
        <a:effectLst/>
      </c:spPr>
    </c:plotArea>
    <c:legend>
      <c:legendPos val="b"/>
      <c:layout>
        <c:manualLayout>
          <c:xMode val="edge"/>
          <c:yMode val="edge"/>
          <c:x val="0.60835143369852263"/>
          <c:y val="0.48047409398345492"/>
          <c:w val="0.31700904792672757"/>
          <c:h val="0.2124836078762227"/>
        </c:manualLayout>
      </c:layout>
      <c:overlay val="0"/>
      <c:spPr>
        <a:solidFill>
          <a:schemeClr val="bg1"/>
        </a:solid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8A3C172-8945-4189-AABF-306FFB3D052F}" type="datetimeFigureOut">
              <a:rPr lang="en-US" smtClean="0"/>
              <a:t>12/4/2021</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BC6894C-2343-459D-88D7-5041FE4A84B3}" type="slidenum">
              <a:rPr lang="en-US" smtClean="0"/>
              <a:t>‹#›</a:t>
            </a:fld>
            <a:endParaRPr lang="en-US"/>
          </a:p>
        </p:txBody>
      </p:sp>
    </p:spTree>
    <p:extLst>
      <p:ext uri="{BB962C8B-B14F-4D97-AF65-F5344CB8AC3E}">
        <p14:creationId xmlns:p14="http://schemas.microsoft.com/office/powerpoint/2010/main" val="428976209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100" dirty="0"/>
              <a:t>Talking points: </a:t>
            </a:r>
          </a:p>
          <a:p>
            <a:r>
              <a:rPr lang="en-US" sz="1100" dirty="0"/>
              <a:t>There are 3 main solution lines in EPM </a:t>
            </a:r>
          </a:p>
          <a:p>
            <a:r>
              <a:rPr lang="en-US" sz="1100" dirty="0"/>
              <a:t>Market intelligence – more like data – both historical from Velocity Suite and forecast from Reference Case (25-year regional market outlook) and Simulation Ready data</a:t>
            </a:r>
          </a:p>
          <a:p>
            <a:r>
              <a:rPr lang="en-US" sz="1100" dirty="0"/>
              <a:t>Portfolio analytics – our simulation tools which allow user to do market vs portfolio level analyses, support strategic decisions from long term planning to short term operational decisions and gas vs power modeling. Nostradamus – neural network forecast tool is also listed here. It can do load, generation and price forecast. </a:t>
            </a:r>
          </a:p>
          <a:p>
            <a:r>
              <a:rPr lang="en-US" sz="1100" dirty="0"/>
              <a:t>Market operations – facilitating market communications and settlements for the wholesale market. Also on the retail side, retail market administration</a:t>
            </a:r>
          </a:p>
        </p:txBody>
      </p:sp>
      <p:sp>
        <p:nvSpPr>
          <p:cNvPr id="4" name="Slide Number Placeholder 3"/>
          <p:cNvSpPr>
            <a:spLocks noGrp="1"/>
          </p:cNvSpPr>
          <p:nvPr>
            <p:ph type="sldNum" sz="quarter" idx="5"/>
          </p:nvPr>
        </p:nvSpPr>
        <p:spPr/>
        <p:txBody>
          <a:bodyPr/>
          <a:lstStyle/>
          <a:p>
            <a:fld id="{FBC6894C-2343-459D-88D7-5041FE4A84B3}" type="slidenum">
              <a:rPr lang="en-US" smtClean="0"/>
              <a:t>2</a:t>
            </a:fld>
            <a:endParaRPr lang="en-US"/>
          </a:p>
        </p:txBody>
      </p:sp>
    </p:spTree>
    <p:extLst>
      <p:ext uri="{BB962C8B-B14F-4D97-AF65-F5344CB8AC3E}">
        <p14:creationId xmlns:p14="http://schemas.microsoft.com/office/powerpoint/2010/main" val="56025401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Huge uncertainty in C price, the </a:t>
            </a:r>
            <a:r>
              <a:rPr lang="en-GB" dirty="0" err="1"/>
              <a:t>avg</a:t>
            </a:r>
            <a:r>
              <a:rPr lang="en-GB" dirty="0"/>
              <a:t> of all forecasted prices is same as the current C price</a:t>
            </a:r>
          </a:p>
          <a:p>
            <a:endParaRPr lang="en-GB" dirty="0"/>
          </a:p>
          <a:p>
            <a:r>
              <a:rPr lang="en-GB" dirty="0"/>
              <a:t>Even more pronounced in the future</a:t>
            </a:r>
          </a:p>
        </p:txBody>
      </p:sp>
      <p:sp>
        <p:nvSpPr>
          <p:cNvPr id="4" name="Slide Number Placeholder 3"/>
          <p:cNvSpPr>
            <a:spLocks noGrp="1"/>
          </p:cNvSpPr>
          <p:nvPr>
            <p:ph type="sldNum" sz="quarter" idx="5"/>
          </p:nvPr>
        </p:nvSpPr>
        <p:spPr/>
        <p:txBody>
          <a:bodyPr/>
          <a:lstStyle/>
          <a:p>
            <a:fld id="{FBC6894C-2343-459D-88D7-5041FE4A84B3}" type="slidenum">
              <a:rPr lang="en-US" smtClean="0"/>
              <a:t>4</a:t>
            </a:fld>
            <a:endParaRPr lang="en-US"/>
          </a:p>
        </p:txBody>
      </p:sp>
    </p:spTree>
    <p:extLst>
      <p:ext uri="{BB962C8B-B14F-4D97-AF65-F5344CB8AC3E}">
        <p14:creationId xmlns:p14="http://schemas.microsoft.com/office/powerpoint/2010/main" val="345410178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In the future, e.g. in 2045, the impact of C price on electricity price will have to ~20%</a:t>
            </a:r>
          </a:p>
          <a:p>
            <a:endParaRPr lang="en-GB" dirty="0"/>
          </a:p>
          <a:p>
            <a:r>
              <a:rPr lang="en-GB" dirty="0"/>
              <a:t>Significantly uneven effect of Carbon price in different markets dependent on their generation mix, ICs, </a:t>
            </a:r>
          </a:p>
        </p:txBody>
      </p:sp>
      <p:sp>
        <p:nvSpPr>
          <p:cNvPr id="4" name="Slide Number Placeholder 3"/>
          <p:cNvSpPr>
            <a:spLocks noGrp="1"/>
          </p:cNvSpPr>
          <p:nvPr>
            <p:ph type="sldNum" sz="quarter" idx="5"/>
          </p:nvPr>
        </p:nvSpPr>
        <p:spPr/>
        <p:txBody>
          <a:bodyPr/>
          <a:lstStyle/>
          <a:p>
            <a:fld id="{FBC6894C-2343-459D-88D7-5041FE4A84B3}" type="slidenum">
              <a:rPr lang="en-US" smtClean="0"/>
              <a:t>5</a:t>
            </a:fld>
            <a:endParaRPr lang="en-US"/>
          </a:p>
        </p:txBody>
      </p:sp>
    </p:spTree>
    <p:extLst>
      <p:ext uri="{BB962C8B-B14F-4D97-AF65-F5344CB8AC3E}">
        <p14:creationId xmlns:p14="http://schemas.microsoft.com/office/powerpoint/2010/main" val="259315355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Historical data from Dec-20 to Apr-21</a:t>
            </a:r>
          </a:p>
        </p:txBody>
      </p:sp>
      <p:sp>
        <p:nvSpPr>
          <p:cNvPr id="4" name="Slide Number Placeholder 3"/>
          <p:cNvSpPr>
            <a:spLocks noGrp="1"/>
          </p:cNvSpPr>
          <p:nvPr>
            <p:ph type="sldNum" sz="quarter" idx="5"/>
          </p:nvPr>
        </p:nvSpPr>
        <p:spPr/>
        <p:txBody>
          <a:bodyPr/>
          <a:lstStyle/>
          <a:p>
            <a:fld id="{FBC6894C-2343-459D-88D7-5041FE4A84B3}" type="slidenum">
              <a:rPr lang="en-US" smtClean="0"/>
              <a:t>6</a:t>
            </a:fld>
            <a:endParaRPr lang="en-US"/>
          </a:p>
        </p:txBody>
      </p:sp>
    </p:spTree>
    <p:extLst>
      <p:ext uri="{BB962C8B-B14F-4D97-AF65-F5344CB8AC3E}">
        <p14:creationId xmlns:p14="http://schemas.microsoft.com/office/powerpoint/2010/main" val="330311171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Correlation is stronger at very low and very high renewables output</a:t>
            </a:r>
          </a:p>
        </p:txBody>
      </p:sp>
      <p:sp>
        <p:nvSpPr>
          <p:cNvPr id="4" name="Slide Number Placeholder 3"/>
          <p:cNvSpPr>
            <a:spLocks noGrp="1"/>
          </p:cNvSpPr>
          <p:nvPr>
            <p:ph type="sldNum" sz="quarter" idx="5"/>
          </p:nvPr>
        </p:nvSpPr>
        <p:spPr/>
        <p:txBody>
          <a:bodyPr/>
          <a:lstStyle/>
          <a:p>
            <a:fld id="{FBC6894C-2343-459D-88D7-5041FE4A84B3}" type="slidenum">
              <a:rPr lang="en-US" smtClean="0"/>
              <a:t>8</a:t>
            </a:fld>
            <a:endParaRPr lang="en-US"/>
          </a:p>
        </p:txBody>
      </p:sp>
    </p:spTree>
    <p:extLst>
      <p:ext uri="{BB962C8B-B14F-4D97-AF65-F5344CB8AC3E}">
        <p14:creationId xmlns:p14="http://schemas.microsoft.com/office/powerpoint/2010/main" val="151341648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Avg. 35%, High = 20%, Low = 45%</a:t>
            </a:r>
          </a:p>
          <a:p>
            <a:r>
              <a:rPr lang="en-GB" dirty="0"/>
              <a:t>Based on 2025 installed capacities, 6 countries (DE, FR, ES, PT, SE &amp; GB)</a:t>
            </a:r>
          </a:p>
          <a:p>
            <a:endParaRPr lang="en-GB" dirty="0"/>
          </a:p>
          <a:p>
            <a:r>
              <a:rPr lang="en-GB" dirty="0"/>
              <a:t>Swing in net demand can be </a:t>
            </a:r>
            <a:r>
              <a:rPr lang="en-GB" dirty="0" err="1"/>
              <a:t>upto</a:t>
            </a:r>
            <a:r>
              <a:rPr lang="en-GB" dirty="0"/>
              <a:t> 15%</a:t>
            </a:r>
          </a:p>
        </p:txBody>
      </p:sp>
      <p:sp>
        <p:nvSpPr>
          <p:cNvPr id="4" name="Slide Number Placeholder 3"/>
          <p:cNvSpPr>
            <a:spLocks noGrp="1"/>
          </p:cNvSpPr>
          <p:nvPr>
            <p:ph type="sldNum" sz="quarter" idx="5"/>
          </p:nvPr>
        </p:nvSpPr>
        <p:spPr/>
        <p:txBody>
          <a:bodyPr/>
          <a:lstStyle/>
          <a:p>
            <a:fld id="{FBC6894C-2343-459D-88D7-5041FE4A84B3}" type="slidenum">
              <a:rPr lang="en-US" smtClean="0"/>
              <a:t>9</a:t>
            </a:fld>
            <a:endParaRPr lang="en-US"/>
          </a:p>
        </p:txBody>
      </p:sp>
    </p:spTree>
    <p:extLst>
      <p:ext uri="{BB962C8B-B14F-4D97-AF65-F5344CB8AC3E}">
        <p14:creationId xmlns:p14="http://schemas.microsoft.com/office/powerpoint/2010/main" val="39921451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BC6894C-2343-459D-88D7-5041FE4A84B3}" type="slidenum">
              <a:rPr lang="en-US" smtClean="0"/>
              <a:t>10</a:t>
            </a:fld>
            <a:endParaRPr lang="en-US"/>
          </a:p>
        </p:txBody>
      </p:sp>
    </p:spTree>
    <p:extLst>
      <p:ext uri="{BB962C8B-B14F-4D97-AF65-F5344CB8AC3E}">
        <p14:creationId xmlns:p14="http://schemas.microsoft.com/office/powerpoint/2010/main" val="162392213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FBC6894C-2343-459D-88D7-5041FE4A84B3}" type="slidenum">
              <a:rPr lang="en-US" smtClean="0"/>
              <a:t>11</a:t>
            </a:fld>
            <a:endParaRPr lang="en-US"/>
          </a:p>
        </p:txBody>
      </p:sp>
    </p:spTree>
    <p:extLst>
      <p:ext uri="{BB962C8B-B14F-4D97-AF65-F5344CB8AC3E}">
        <p14:creationId xmlns:p14="http://schemas.microsoft.com/office/powerpoint/2010/main" val="1876575015"/>
      </p:ext>
    </p:extLst>
  </p:cSld>
  <p:clrMapOvr>
    <a:masterClrMapping/>
  </p:clrMapOvr>
</p:notes>
</file>

<file path=ppt/slideLayouts/_rels/slideLayout1.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image" Target="../media/image4.svg"/><Relationship Id="rId7" Type="http://schemas.openxmlformats.org/officeDocument/2006/relationships/image" Target="../media/image8.sv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svg"/><Relationship Id="rId5" Type="http://schemas.openxmlformats.org/officeDocument/2006/relationships/image" Target="../media/image6.sv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sv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image" Target="../media/image14.svg"/><Relationship Id="rId7" Type="http://schemas.openxmlformats.org/officeDocument/2006/relationships/image" Target="../media/image8.svg"/><Relationship Id="rId2" Type="http://schemas.openxmlformats.org/officeDocument/2006/relationships/image" Target="../media/image13.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svg"/><Relationship Id="rId5" Type="http://schemas.openxmlformats.org/officeDocument/2006/relationships/image" Target="../media/image6.sv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1.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26.jpg"/><Relationship Id="rId1" Type="http://schemas.openxmlformats.org/officeDocument/2006/relationships/slideMaster" Target="../slideMasters/slideMaster1.xml"/><Relationship Id="rId6" Type="http://schemas.openxmlformats.org/officeDocument/2006/relationships/image" Target="../media/image8.svg"/><Relationship Id="rId11" Type="http://schemas.openxmlformats.org/officeDocument/2006/relationships/image" Target="../media/image27.emf"/><Relationship Id="rId5" Type="http://schemas.openxmlformats.org/officeDocument/2006/relationships/image" Target="../media/image7.png"/><Relationship Id="rId10" Type="http://schemas.openxmlformats.org/officeDocument/2006/relationships/image" Target="../media/image12.svg"/><Relationship Id="rId4" Type="http://schemas.openxmlformats.org/officeDocument/2006/relationships/image" Target="../media/image6.svg"/><Relationship Id="rId9" Type="http://schemas.openxmlformats.org/officeDocument/2006/relationships/image" Target="../media/image11.pn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01_Cover Slide1">
    <p:spTree>
      <p:nvGrpSpPr>
        <p:cNvPr id="1" name=""/>
        <p:cNvGrpSpPr/>
        <p:nvPr/>
      </p:nvGrpSpPr>
      <p:grpSpPr>
        <a:xfrm>
          <a:off x="0" y="0"/>
          <a:ext cx="0" cy="0"/>
          <a:chOff x="0" y="0"/>
          <a:chExt cx="0" cy="0"/>
        </a:xfrm>
      </p:grpSpPr>
      <p:sp>
        <p:nvSpPr>
          <p:cNvPr id="27" name="Picture Placeholder 26">
            <a:extLst>
              <a:ext uri="{FF2B5EF4-FFF2-40B4-BE49-F238E27FC236}">
                <a16:creationId xmlns:a16="http://schemas.microsoft.com/office/drawing/2014/main" id="{ED264CAE-BD05-44F6-9744-36750CF644FA}"/>
              </a:ext>
            </a:extLst>
          </p:cNvPr>
          <p:cNvSpPr>
            <a:spLocks noGrp="1"/>
          </p:cNvSpPr>
          <p:nvPr>
            <p:ph type="pic" sz="quarter" idx="13"/>
          </p:nvPr>
        </p:nvSpPr>
        <p:spPr>
          <a:xfrm>
            <a:off x="4" y="2"/>
            <a:ext cx="12191997" cy="2703599"/>
          </a:xfrm>
          <a:custGeom>
            <a:avLst/>
            <a:gdLst>
              <a:gd name="connsiteX0" fmla="*/ 11901903 w 12191997"/>
              <a:gd name="connsiteY0" fmla="*/ 528222 h 2703599"/>
              <a:gd name="connsiteX1" fmla="*/ 11788419 w 12191997"/>
              <a:gd name="connsiteY1" fmla="*/ 528562 h 2703599"/>
              <a:gd name="connsiteX2" fmla="*/ 11788419 w 12191997"/>
              <a:gd name="connsiteY2" fmla="*/ 690067 h 2703599"/>
              <a:gd name="connsiteX3" fmla="*/ 11808352 w 12191997"/>
              <a:gd name="connsiteY3" fmla="*/ 690067 h 2703599"/>
              <a:gd name="connsiteX4" fmla="*/ 11916615 w 12191997"/>
              <a:gd name="connsiteY4" fmla="*/ 591757 h 2703599"/>
              <a:gd name="connsiteX5" fmla="*/ 11916627 w 12191997"/>
              <a:gd name="connsiteY5" fmla="*/ 582133 h 2703599"/>
              <a:gd name="connsiteX6" fmla="*/ 11901903 w 12191997"/>
              <a:gd name="connsiteY6" fmla="*/ 528222 h 2703599"/>
              <a:gd name="connsiteX7" fmla="*/ 11680484 w 12191997"/>
              <a:gd name="connsiteY7" fmla="*/ 528222 h 2703599"/>
              <a:gd name="connsiteX8" fmla="*/ 11680484 w 12191997"/>
              <a:gd name="connsiteY8" fmla="*/ 690067 h 2703599"/>
              <a:gd name="connsiteX9" fmla="*/ 11778340 w 12191997"/>
              <a:gd name="connsiteY9" fmla="*/ 690067 h 2703599"/>
              <a:gd name="connsiteX10" fmla="*/ 11778340 w 12191997"/>
              <a:gd name="connsiteY10" fmla="*/ 528222 h 2703599"/>
              <a:gd name="connsiteX11" fmla="*/ 11625328 w 12191997"/>
              <a:gd name="connsiteY11" fmla="*/ 528222 h 2703599"/>
              <a:gd name="connsiteX12" fmla="*/ 11511957 w 12191997"/>
              <a:gd name="connsiteY12" fmla="*/ 528562 h 2703599"/>
              <a:gd name="connsiteX13" fmla="*/ 11511957 w 12191997"/>
              <a:gd name="connsiteY13" fmla="*/ 690067 h 2703599"/>
              <a:gd name="connsiteX14" fmla="*/ 11531777 w 12191997"/>
              <a:gd name="connsiteY14" fmla="*/ 690067 h 2703599"/>
              <a:gd name="connsiteX15" fmla="*/ 11640040 w 12191997"/>
              <a:gd name="connsiteY15" fmla="*/ 591757 h 2703599"/>
              <a:gd name="connsiteX16" fmla="*/ 11640052 w 12191997"/>
              <a:gd name="connsiteY16" fmla="*/ 582133 h 2703599"/>
              <a:gd name="connsiteX17" fmla="*/ 11625328 w 12191997"/>
              <a:gd name="connsiteY17" fmla="*/ 528222 h 2703599"/>
              <a:gd name="connsiteX18" fmla="*/ 11404023 w 12191997"/>
              <a:gd name="connsiteY18" fmla="*/ 528222 h 2703599"/>
              <a:gd name="connsiteX19" fmla="*/ 11404023 w 12191997"/>
              <a:gd name="connsiteY19" fmla="*/ 690067 h 2703599"/>
              <a:gd name="connsiteX20" fmla="*/ 11501878 w 12191997"/>
              <a:gd name="connsiteY20" fmla="*/ 690067 h 2703599"/>
              <a:gd name="connsiteX21" fmla="*/ 11501878 w 12191997"/>
              <a:gd name="connsiteY21" fmla="*/ 528222 h 2703599"/>
              <a:gd name="connsiteX22" fmla="*/ 11215109 w 12191997"/>
              <a:gd name="connsiteY22" fmla="*/ 528222 h 2703599"/>
              <a:gd name="connsiteX23" fmla="*/ 11215109 w 12191997"/>
              <a:gd name="connsiteY23" fmla="*/ 622565 h 2703599"/>
              <a:gd name="connsiteX24" fmla="*/ 11269133 w 12191997"/>
              <a:gd name="connsiteY24" fmla="*/ 622565 h 2703599"/>
              <a:gd name="connsiteX25" fmla="*/ 11292690 w 12191997"/>
              <a:gd name="connsiteY25" fmla="*/ 690067 h 2703599"/>
              <a:gd name="connsiteX26" fmla="*/ 11376954 w 12191997"/>
              <a:gd name="connsiteY26" fmla="*/ 690067 h 2703599"/>
              <a:gd name="connsiteX27" fmla="*/ 11319759 w 12191997"/>
              <a:gd name="connsiteY27" fmla="*/ 528222 h 2703599"/>
              <a:gd name="connsiteX28" fmla="*/ 11100379 w 12191997"/>
              <a:gd name="connsiteY28" fmla="*/ 528222 h 2703599"/>
              <a:gd name="connsiteX29" fmla="*/ 11043071 w 12191997"/>
              <a:gd name="connsiteY29" fmla="*/ 690067 h 2703599"/>
              <a:gd name="connsiteX30" fmla="*/ 11127448 w 12191997"/>
              <a:gd name="connsiteY30" fmla="*/ 690067 h 2703599"/>
              <a:gd name="connsiteX31" fmla="*/ 11151005 w 12191997"/>
              <a:gd name="connsiteY31" fmla="*/ 622565 h 2703599"/>
              <a:gd name="connsiteX32" fmla="*/ 11205029 w 12191997"/>
              <a:gd name="connsiteY32" fmla="*/ 622565 h 2703599"/>
              <a:gd name="connsiteX33" fmla="*/ 11205029 w 12191997"/>
              <a:gd name="connsiteY33" fmla="*/ 528222 h 2703599"/>
              <a:gd name="connsiteX34" fmla="*/ 9340585 w 12191997"/>
              <a:gd name="connsiteY34" fmla="*/ 417457 h 2703599"/>
              <a:gd name="connsiteX35" fmla="*/ 9399592 w 12191997"/>
              <a:gd name="connsiteY35" fmla="*/ 562539 h 2703599"/>
              <a:gd name="connsiteX36" fmla="*/ 9281465 w 12191997"/>
              <a:gd name="connsiteY36" fmla="*/ 562539 h 2703599"/>
              <a:gd name="connsiteX37" fmla="*/ 9340585 w 12191997"/>
              <a:gd name="connsiteY37" fmla="*/ 417683 h 2703599"/>
              <a:gd name="connsiteX38" fmla="*/ 9932921 w 12191997"/>
              <a:gd name="connsiteY38" fmla="*/ 362639 h 2703599"/>
              <a:gd name="connsiteX39" fmla="*/ 9932921 w 12191997"/>
              <a:gd name="connsiteY39" fmla="*/ 683612 h 2703599"/>
              <a:gd name="connsiteX40" fmla="*/ 10018883 w 12191997"/>
              <a:gd name="connsiteY40" fmla="*/ 683612 h 2703599"/>
              <a:gd name="connsiteX41" fmla="*/ 10018883 w 12191997"/>
              <a:gd name="connsiteY41" fmla="*/ 542606 h 2703599"/>
              <a:gd name="connsiteX42" fmla="*/ 10190808 w 12191997"/>
              <a:gd name="connsiteY42" fmla="*/ 542606 h 2703599"/>
              <a:gd name="connsiteX43" fmla="*/ 10190808 w 12191997"/>
              <a:gd name="connsiteY43" fmla="*/ 683612 h 2703599"/>
              <a:gd name="connsiteX44" fmla="*/ 10275525 w 12191997"/>
              <a:gd name="connsiteY44" fmla="*/ 683612 h 2703599"/>
              <a:gd name="connsiteX45" fmla="*/ 10275525 w 12191997"/>
              <a:gd name="connsiteY45" fmla="*/ 362639 h 2703599"/>
              <a:gd name="connsiteX46" fmla="*/ 10190808 w 12191997"/>
              <a:gd name="connsiteY46" fmla="*/ 362639 h 2703599"/>
              <a:gd name="connsiteX47" fmla="*/ 10190808 w 12191997"/>
              <a:gd name="connsiteY47" fmla="*/ 491527 h 2703599"/>
              <a:gd name="connsiteX48" fmla="*/ 10018883 w 12191997"/>
              <a:gd name="connsiteY48" fmla="*/ 491527 h 2703599"/>
              <a:gd name="connsiteX49" fmla="*/ 10018883 w 12191997"/>
              <a:gd name="connsiteY49" fmla="*/ 362639 h 2703599"/>
              <a:gd name="connsiteX50" fmla="*/ 9288147 w 12191997"/>
              <a:gd name="connsiteY50" fmla="*/ 362639 h 2703599"/>
              <a:gd name="connsiteX51" fmla="*/ 9137741 w 12191997"/>
              <a:gd name="connsiteY51" fmla="*/ 683612 h 2703599"/>
              <a:gd name="connsiteX52" fmla="*/ 9233104 w 12191997"/>
              <a:gd name="connsiteY52" fmla="*/ 683612 h 2703599"/>
              <a:gd name="connsiteX53" fmla="*/ 9259946 w 12191997"/>
              <a:gd name="connsiteY53" fmla="*/ 615657 h 2703599"/>
              <a:gd name="connsiteX54" fmla="*/ 9419752 w 12191997"/>
              <a:gd name="connsiteY54" fmla="*/ 615657 h 2703599"/>
              <a:gd name="connsiteX55" fmla="*/ 9447953 w 12191997"/>
              <a:gd name="connsiteY55" fmla="*/ 683612 h 2703599"/>
              <a:gd name="connsiteX56" fmla="*/ 9542070 w 12191997"/>
              <a:gd name="connsiteY56" fmla="*/ 683612 h 2703599"/>
              <a:gd name="connsiteX57" fmla="*/ 9391551 w 12191997"/>
              <a:gd name="connsiteY57" fmla="*/ 362639 h 2703599"/>
              <a:gd name="connsiteX58" fmla="*/ 8866376 w 12191997"/>
              <a:gd name="connsiteY58" fmla="*/ 362639 h 2703599"/>
              <a:gd name="connsiteX59" fmla="*/ 8866376 w 12191997"/>
              <a:gd name="connsiteY59" fmla="*/ 417683 h 2703599"/>
              <a:gd name="connsiteX60" fmla="*/ 8996396 w 12191997"/>
              <a:gd name="connsiteY60" fmla="*/ 417683 h 2703599"/>
              <a:gd name="connsiteX61" fmla="*/ 8996396 w 12191997"/>
              <a:gd name="connsiteY61" fmla="*/ 683612 h 2703599"/>
              <a:gd name="connsiteX62" fmla="*/ 9081225 w 12191997"/>
              <a:gd name="connsiteY62" fmla="*/ 683612 h 2703599"/>
              <a:gd name="connsiteX63" fmla="*/ 9081225 w 12191997"/>
              <a:gd name="connsiteY63" fmla="*/ 417683 h 2703599"/>
              <a:gd name="connsiteX64" fmla="*/ 9211585 w 12191997"/>
              <a:gd name="connsiteY64" fmla="*/ 417683 h 2703599"/>
              <a:gd name="connsiteX65" fmla="*/ 9211585 w 12191997"/>
              <a:gd name="connsiteY65" fmla="*/ 362639 h 2703599"/>
              <a:gd name="connsiteX66" fmla="*/ 10342687 w 12191997"/>
              <a:gd name="connsiteY66" fmla="*/ 362526 h 2703599"/>
              <a:gd name="connsiteX67" fmla="*/ 10342687 w 12191997"/>
              <a:gd name="connsiteY67" fmla="*/ 683612 h 2703599"/>
              <a:gd name="connsiteX68" fmla="*/ 10427290 w 12191997"/>
              <a:gd name="connsiteY68" fmla="*/ 683612 h 2703599"/>
              <a:gd name="connsiteX69" fmla="*/ 10427290 w 12191997"/>
              <a:gd name="connsiteY69" fmla="*/ 362526 h 2703599"/>
              <a:gd name="connsiteX70" fmla="*/ 8750853 w 12191997"/>
              <a:gd name="connsiteY70" fmla="*/ 362526 h 2703599"/>
              <a:gd name="connsiteX71" fmla="*/ 8750853 w 12191997"/>
              <a:gd name="connsiteY71" fmla="*/ 683612 h 2703599"/>
              <a:gd name="connsiteX72" fmla="*/ 8836815 w 12191997"/>
              <a:gd name="connsiteY72" fmla="*/ 683612 h 2703599"/>
              <a:gd name="connsiteX73" fmla="*/ 8836815 w 12191997"/>
              <a:gd name="connsiteY73" fmla="*/ 362526 h 2703599"/>
              <a:gd name="connsiteX74" fmla="*/ 8342446 w 12191997"/>
              <a:gd name="connsiteY74" fmla="*/ 362526 h 2703599"/>
              <a:gd name="connsiteX75" fmla="*/ 8342446 w 12191997"/>
              <a:gd name="connsiteY75" fmla="*/ 683612 h 2703599"/>
              <a:gd name="connsiteX76" fmla="*/ 8427049 w 12191997"/>
              <a:gd name="connsiteY76" fmla="*/ 683612 h 2703599"/>
              <a:gd name="connsiteX77" fmla="*/ 8427049 w 12191997"/>
              <a:gd name="connsiteY77" fmla="*/ 542606 h 2703599"/>
              <a:gd name="connsiteX78" fmla="*/ 8598974 w 12191997"/>
              <a:gd name="connsiteY78" fmla="*/ 542606 h 2703599"/>
              <a:gd name="connsiteX79" fmla="*/ 8598974 w 12191997"/>
              <a:gd name="connsiteY79" fmla="*/ 683612 h 2703599"/>
              <a:gd name="connsiteX80" fmla="*/ 8683691 w 12191997"/>
              <a:gd name="connsiteY80" fmla="*/ 683612 h 2703599"/>
              <a:gd name="connsiteX81" fmla="*/ 8683691 w 12191997"/>
              <a:gd name="connsiteY81" fmla="*/ 362526 h 2703599"/>
              <a:gd name="connsiteX82" fmla="*/ 8598974 w 12191997"/>
              <a:gd name="connsiteY82" fmla="*/ 362526 h 2703599"/>
              <a:gd name="connsiteX83" fmla="*/ 8598974 w 12191997"/>
              <a:gd name="connsiteY83" fmla="*/ 491527 h 2703599"/>
              <a:gd name="connsiteX84" fmla="*/ 8427049 w 12191997"/>
              <a:gd name="connsiteY84" fmla="*/ 491527 h 2703599"/>
              <a:gd name="connsiteX85" fmla="*/ 8427049 w 12191997"/>
              <a:gd name="connsiteY85" fmla="*/ 362526 h 2703599"/>
              <a:gd name="connsiteX86" fmla="*/ 11788419 w 12191997"/>
              <a:gd name="connsiteY86" fmla="*/ 356184 h 2703599"/>
              <a:gd name="connsiteX87" fmla="*/ 11788419 w 12191997"/>
              <a:gd name="connsiteY87" fmla="*/ 518029 h 2703599"/>
              <a:gd name="connsiteX88" fmla="*/ 11895109 w 12191997"/>
              <a:gd name="connsiteY88" fmla="*/ 518029 h 2703599"/>
              <a:gd name="connsiteX89" fmla="*/ 11855695 w 12191997"/>
              <a:gd name="connsiteY89" fmla="*/ 485184 h 2703599"/>
              <a:gd name="connsiteX90" fmla="*/ 11886275 w 12191997"/>
              <a:gd name="connsiteY90" fmla="*/ 426970 h 2703599"/>
              <a:gd name="connsiteX91" fmla="*/ 11808352 w 12191997"/>
              <a:gd name="connsiteY91" fmla="*/ 356184 h 2703599"/>
              <a:gd name="connsiteX92" fmla="*/ 11680484 w 12191997"/>
              <a:gd name="connsiteY92" fmla="*/ 356184 h 2703599"/>
              <a:gd name="connsiteX93" fmla="*/ 11680484 w 12191997"/>
              <a:gd name="connsiteY93" fmla="*/ 518029 h 2703599"/>
              <a:gd name="connsiteX94" fmla="*/ 11778340 w 12191997"/>
              <a:gd name="connsiteY94" fmla="*/ 518029 h 2703599"/>
              <a:gd name="connsiteX95" fmla="*/ 11778340 w 12191997"/>
              <a:gd name="connsiteY95" fmla="*/ 356184 h 2703599"/>
              <a:gd name="connsiteX96" fmla="*/ 11404023 w 12191997"/>
              <a:gd name="connsiteY96" fmla="*/ 356184 h 2703599"/>
              <a:gd name="connsiteX97" fmla="*/ 11404023 w 12191997"/>
              <a:gd name="connsiteY97" fmla="*/ 518029 h 2703599"/>
              <a:gd name="connsiteX98" fmla="*/ 11501878 w 12191997"/>
              <a:gd name="connsiteY98" fmla="*/ 518029 h 2703599"/>
              <a:gd name="connsiteX99" fmla="*/ 11501878 w 12191997"/>
              <a:gd name="connsiteY99" fmla="*/ 356184 h 2703599"/>
              <a:gd name="connsiteX100" fmla="*/ 11215109 w 12191997"/>
              <a:gd name="connsiteY100" fmla="*/ 356184 h 2703599"/>
              <a:gd name="connsiteX101" fmla="*/ 11215109 w 12191997"/>
              <a:gd name="connsiteY101" fmla="*/ 518029 h 2703599"/>
              <a:gd name="connsiteX102" fmla="*/ 11316136 w 12191997"/>
              <a:gd name="connsiteY102" fmla="*/ 518029 h 2703599"/>
              <a:gd name="connsiteX103" fmla="*/ 11258940 w 12191997"/>
              <a:gd name="connsiteY103" fmla="*/ 356184 h 2703599"/>
              <a:gd name="connsiteX104" fmla="*/ 11161200 w 12191997"/>
              <a:gd name="connsiteY104" fmla="*/ 356184 h 2703599"/>
              <a:gd name="connsiteX105" fmla="*/ 11103890 w 12191997"/>
              <a:gd name="connsiteY105" fmla="*/ 518029 h 2703599"/>
              <a:gd name="connsiteX106" fmla="*/ 11205030 w 12191997"/>
              <a:gd name="connsiteY106" fmla="*/ 518029 h 2703599"/>
              <a:gd name="connsiteX107" fmla="*/ 11205030 w 12191997"/>
              <a:gd name="connsiteY107" fmla="*/ 356184 h 2703599"/>
              <a:gd name="connsiteX108" fmla="*/ 11511957 w 12191997"/>
              <a:gd name="connsiteY108" fmla="*/ 355844 h 2703599"/>
              <a:gd name="connsiteX109" fmla="*/ 11511957 w 12191997"/>
              <a:gd name="connsiteY109" fmla="*/ 518029 h 2703599"/>
              <a:gd name="connsiteX110" fmla="*/ 11618533 w 12191997"/>
              <a:gd name="connsiteY110" fmla="*/ 518029 h 2703599"/>
              <a:gd name="connsiteX111" fmla="*/ 11579233 w 12191997"/>
              <a:gd name="connsiteY111" fmla="*/ 485184 h 2703599"/>
              <a:gd name="connsiteX112" fmla="*/ 11609699 w 12191997"/>
              <a:gd name="connsiteY112" fmla="*/ 426630 h 2703599"/>
              <a:gd name="connsiteX113" fmla="*/ 11531777 w 12191997"/>
              <a:gd name="connsiteY113" fmla="*/ 355844 h 2703599"/>
              <a:gd name="connsiteX114" fmla="*/ 9723643 w 12191997"/>
              <a:gd name="connsiteY114" fmla="*/ 355142 h 2703599"/>
              <a:gd name="connsiteX115" fmla="*/ 9622369 w 12191997"/>
              <a:gd name="connsiteY115" fmla="*/ 372606 h 2703599"/>
              <a:gd name="connsiteX116" fmla="*/ 9549884 w 12191997"/>
              <a:gd name="connsiteY116" fmla="*/ 432972 h 2703599"/>
              <a:gd name="connsiteX117" fmla="*/ 9527233 w 12191997"/>
              <a:gd name="connsiteY117" fmla="*/ 526976 h 2703599"/>
              <a:gd name="connsiteX118" fmla="*/ 9539352 w 12191997"/>
              <a:gd name="connsiteY118" fmla="*/ 594930 h 2703599"/>
              <a:gd name="connsiteX119" fmla="*/ 9538559 w 12191997"/>
              <a:gd name="connsiteY119" fmla="*/ 593911 h 2703599"/>
              <a:gd name="connsiteX120" fmla="*/ 9629844 w 12191997"/>
              <a:gd name="connsiteY120" fmla="*/ 677268 h 2703599"/>
              <a:gd name="connsiteX121" fmla="*/ 9715920 w 12191997"/>
              <a:gd name="connsiteY121" fmla="*/ 690633 h 2703599"/>
              <a:gd name="connsiteX122" fmla="*/ 9826006 w 12191997"/>
              <a:gd name="connsiteY122" fmla="*/ 667981 h 2703599"/>
              <a:gd name="connsiteX123" fmla="*/ 9885127 w 12191997"/>
              <a:gd name="connsiteY123" fmla="*/ 598101 h 2703599"/>
              <a:gd name="connsiteX124" fmla="*/ 9889204 w 12191997"/>
              <a:gd name="connsiteY124" fmla="*/ 567182 h 2703599"/>
              <a:gd name="connsiteX125" fmla="*/ 9798598 w 12191997"/>
              <a:gd name="connsiteY125" fmla="*/ 567182 h 2703599"/>
              <a:gd name="connsiteX126" fmla="*/ 9791916 w 12191997"/>
              <a:gd name="connsiteY126" fmla="*/ 601159 h 2703599"/>
              <a:gd name="connsiteX127" fmla="*/ 9754201 w 12191997"/>
              <a:gd name="connsiteY127" fmla="*/ 635136 h 2703599"/>
              <a:gd name="connsiteX128" fmla="*/ 9715354 w 12191997"/>
              <a:gd name="connsiteY128" fmla="*/ 641932 h 2703599"/>
              <a:gd name="connsiteX129" fmla="*/ 9670051 w 12191997"/>
              <a:gd name="connsiteY129" fmla="*/ 633777 h 2703599"/>
              <a:gd name="connsiteX130" fmla="*/ 9624748 w 12191997"/>
              <a:gd name="connsiteY130" fmla="*/ 582811 h 2703599"/>
              <a:gd name="connsiteX131" fmla="*/ 9616706 w 12191997"/>
              <a:gd name="connsiteY131" fmla="*/ 526183 h 2703599"/>
              <a:gd name="connsiteX132" fmla="*/ 9628032 w 12191997"/>
              <a:gd name="connsiteY132" fmla="*/ 459021 h 2703599"/>
              <a:gd name="connsiteX133" fmla="*/ 9675034 w 12191997"/>
              <a:gd name="connsiteY133" fmla="*/ 412019 h 2703599"/>
              <a:gd name="connsiteX134" fmla="*/ 9716713 w 12191997"/>
              <a:gd name="connsiteY134" fmla="*/ 403978 h 2703599"/>
              <a:gd name="connsiteX135" fmla="*/ 9754088 w 12191997"/>
              <a:gd name="connsiteY135" fmla="*/ 410207 h 2703599"/>
              <a:gd name="connsiteX136" fmla="*/ 9794294 w 12191997"/>
              <a:gd name="connsiteY136" fmla="*/ 447809 h 2703599"/>
              <a:gd name="connsiteX137" fmla="*/ 9798371 w 12191997"/>
              <a:gd name="connsiteY137" fmla="*/ 471932 h 2703599"/>
              <a:gd name="connsiteX138" fmla="*/ 9888411 w 12191997"/>
              <a:gd name="connsiteY138" fmla="*/ 471932 h 2703599"/>
              <a:gd name="connsiteX139" fmla="*/ 9884334 w 12191997"/>
              <a:gd name="connsiteY139" fmla="*/ 451773 h 2703599"/>
              <a:gd name="connsiteX140" fmla="*/ 9823854 w 12191997"/>
              <a:gd name="connsiteY140" fmla="*/ 377929 h 2703599"/>
              <a:gd name="connsiteX141" fmla="*/ 9723643 w 12191997"/>
              <a:gd name="connsiteY141" fmla="*/ 355142 h 2703599"/>
              <a:gd name="connsiteX142" fmla="*/ 0 w 12191997"/>
              <a:gd name="connsiteY142" fmla="*/ 0 h 2703599"/>
              <a:gd name="connsiteX143" fmla="*/ 12191997 w 12191997"/>
              <a:gd name="connsiteY143" fmla="*/ 0 h 2703599"/>
              <a:gd name="connsiteX144" fmla="*/ 12191997 w 12191997"/>
              <a:gd name="connsiteY144" fmla="*/ 2703599 h 2703599"/>
              <a:gd name="connsiteX145" fmla="*/ 0 w 12191997"/>
              <a:gd name="connsiteY145" fmla="*/ 2703599 h 27035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Lst>
            <a:rect l="l" t="t" r="r" b="b"/>
            <a:pathLst>
              <a:path w="12191997" h="2703599">
                <a:moveTo>
                  <a:pt x="11901903" y="528222"/>
                </a:moveTo>
                <a:lnTo>
                  <a:pt x="11788419" y="528562"/>
                </a:lnTo>
                <a:lnTo>
                  <a:pt x="11788419" y="690067"/>
                </a:lnTo>
                <a:lnTo>
                  <a:pt x="11808352" y="690067"/>
                </a:lnTo>
                <a:cubicBezTo>
                  <a:pt x="11865400" y="692814"/>
                  <a:pt x="11913863" y="648799"/>
                  <a:pt x="11916615" y="591757"/>
                </a:cubicBezTo>
                <a:cubicBezTo>
                  <a:pt x="11916762" y="588551"/>
                  <a:pt x="11916774" y="585339"/>
                  <a:pt x="11916627" y="582133"/>
                </a:cubicBezTo>
                <a:cubicBezTo>
                  <a:pt x="11916559" y="563178"/>
                  <a:pt x="11911485" y="544577"/>
                  <a:pt x="11901903" y="528222"/>
                </a:cubicBezTo>
                <a:close/>
                <a:moveTo>
                  <a:pt x="11680484" y="528222"/>
                </a:moveTo>
                <a:lnTo>
                  <a:pt x="11680484" y="690067"/>
                </a:lnTo>
                <a:lnTo>
                  <a:pt x="11778340" y="690067"/>
                </a:lnTo>
                <a:lnTo>
                  <a:pt x="11778340" y="528222"/>
                </a:lnTo>
                <a:close/>
                <a:moveTo>
                  <a:pt x="11625328" y="528222"/>
                </a:moveTo>
                <a:lnTo>
                  <a:pt x="11511957" y="528562"/>
                </a:lnTo>
                <a:lnTo>
                  <a:pt x="11511957" y="690067"/>
                </a:lnTo>
                <a:lnTo>
                  <a:pt x="11531777" y="690067"/>
                </a:lnTo>
                <a:cubicBezTo>
                  <a:pt x="11588825" y="692814"/>
                  <a:pt x="11637288" y="648799"/>
                  <a:pt x="11640040" y="591757"/>
                </a:cubicBezTo>
                <a:cubicBezTo>
                  <a:pt x="11640187" y="588551"/>
                  <a:pt x="11640199" y="585339"/>
                  <a:pt x="11640052" y="582133"/>
                </a:cubicBezTo>
                <a:cubicBezTo>
                  <a:pt x="11640040" y="563170"/>
                  <a:pt x="11634955" y="544556"/>
                  <a:pt x="11625328" y="528222"/>
                </a:cubicBezTo>
                <a:close/>
                <a:moveTo>
                  <a:pt x="11404023" y="528222"/>
                </a:moveTo>
                <a:lnTo>
                  <a:pt x="11404023" y="690067"/>
                </a:lnTo>
                <a:lnTo>
                  <a:pt x="11501878" y="690067"/>
                </a:lnTo>
                <a:lnTo>
                  <a:pt x="11501878" y="528222"/>
                </a:lnTo>
                <a:close/>
                <a:moveTo>
                  <a:pt x="11215109" y="528222"/>
                </a:moveTo>
                <a:lnTo>
                  <a:pt x="11215109" y="622565"/>
                </a:lnTo>
                <a:lnTo>
                  <a:pt x="11269133" y="622565"/>
                </a:lnTo>
                <a:lnTo>
                  <a:pt x="11292690" y="690067"/>
                </a:lnTo>
                <a:lnTo>
                  <a:pt x="11376954" y="690067"/>
                </a:lnTo>
                <a:lnTo>
                  <a:pt x="11319759" y="528222"/>
                </a:lnTo>
                <a:close/>
                <a:moveTo>
                  <a:pt x="11100379" y="528222"/>
                </a:moveTo>
                <a:lnTo>
                  <a:pt x="11043071" y="690067"/>
                </a:lnTo>
                <a:lnTo>
                  <a:pt x="11127448" y="690067"/>
                </a:lnTo>
                <a:lnTo>
                  <a:pt x="11151005" y="622565"/>
                </a:lnTo>
                <a:lnTo>
                  <a:pt x="11205029" y="622565"/>
                </a:lnTo>
                <a:lnTo>
                  <a:pt x="11205029" y="528222"/>
                </a:lnTo>
                <a:close/>
                <a:moveTo>
                  <a:pt x="9340585" y="417457"/>
                </a:moveTo>
                <a:lnTo>
                  <a:pt x="9399592" y="562539"/>
                </a:lnTo>
                <a:lnTo>
                  <a:pt x="9281465" y="562539"/>
                </a:lnTo>
                <a:lnTo>
                  <a:pt x="9340585" y="417683"/>
                </a:lnTo>
                <a:close/>
                <a:moveTo>
                  <a:pt x="9932921" y="362639"/>
                </a:moveTo>
                <a:cubicBezTo>
                  <a:pt x="9934280" y="362639"/>
                  <a:pt x="9932921" y="683612"/>
                  <a:pt x="9932921" y="683612"/>
                </a:cubicBezTo>
                <a:lnTo>
                  <a:pt x="10018883" y="683612"/>
                </a:lnTo>
                <a:lnTo>
                  <a:pt x="10018883" y="542606"/>
                </a:lnTo>
                <a:lnTo>
                  <a:pt x="10190808" y="542606"/>
                </a:lnTo>
                <a:lnTo>
                  <a:pt x="10190808" y="683612"/>
                </a:lnTo>
                <a:lnTo>
                  <a:pt x="10275525" y="683612"/>
                </a:lnTo>
                <a:lnTo>
                  <a:pt x="10275525" y="362639"/>
                </a:lnTo>
                <a:lnTo>
                  <a:pt x="10190808" y="362639"/>
                </a:lnTo>
                <a:cubicBezTo>
                  <a:pt x="10189449" y="362639"/>
                  <a:pt x="10190808" y="491527"/>
                  <a:pt x="10190808" y="491527"/>
                </a:cubicBezTo>
                <a:lnTo>
                  <a:pt x="10018883" y="491527"/>
                </a:lnTo>
                <a:lnTo>
                  <a:pt x="10018883" y="362639"/>
                </a:lnTo>
                <a:close/>
                <a:moveTo>
                  <a:pt x="9288147" y="362639"/>
                </a:moveTo>
                <a:lnTo>
                  <a:pt x="9137741" y="683612"/>
                </a:lnTo>
                <a:lnTo>
                  <a:pt x="9233104" y="683612"/>
                </a:lnTo>
                <a:lnTo>
                  <a:pt x="9259946" y="615657"/>
                </a:lnTo>
                <a:lnTo>
                  <a:pt x="9419752" y="615657"/>
                </a:lnTo>
                <a:lnTo>
                  <a:pt x="9447953" y="683612"/>
                </a:lnTo>
                <a:lnTo>
                  <a:pt x="9542070" y="683612"/>
                </a:lnTo>
                <a:lnTo>
                  <a:pt x="9391551" y="362639"/>
                </a:lnTo>
                <a:close/>
                <a:moveTo>
                  <a:pt x="8866376" y="362639"/>
                </a:moveTo>
                <a:lnTo>
                  <a:pt x="8866376" y="417683"/>
                </a:lnTo>
                <a:lnTo>
                  <a:pt x="8996396" y="417683"/>
                </a:lnTo>
                <a:lnTo>
                  <a:pt x="8996396" y="683612"/>
                </a:lnTo>
                <a:lnTo>
                  <a:pt x="9081225" y="683612"/>
                </a:lnTo>
                <a:lnTo>
                  <a:pt x="9081225" y="417683"/>
                </a:lnTo>
                <a:lnTo>
                  <a:pt x="9211585" y="417683"/>
                </a:lnTo>
                <a:lnTo>
                  <a:pt x="9211585" y="362639"/>
                </a:lnTo>
                <a:close/>
                <a:moveTo>
                  <a:pt x="10342687" y="362526"/>
                </a:moveTo>
                <a:lnTo>
                  <a:pt x="10342687" y="683612"/>
                </a:lnTo>
                <a:lnTo>
                  <a:pt x="10427290" y="683612"/>
                </a:lnTo>
                <a:lnTo>
                  <a:pt x="10427290" y="362526"/>
                </a:lnTo>
                <a:close/>
                <a:moveTo>
                  <a:pt x="8750853" y="362526"/>
                </a:moveTo>
                <a:lnTo>
                  <a:pt x="8750853" y="683612"/>
                </a:lnTo>
                <a:lnTo>
                  <a:pt x="8836815" y="683612"/>
                </a:lnTo>
                <a:lnTo>
                  <a:pt x="8836815" y="362526"/>
                </a:lnTo>
                <a:close/>
                <a:moveTo>
                  <a:pt x="8342446" y="362526"/>
                </a:moveTo>
                <a:lnTo>
                  <a:pt x="8342446" y="683612"/>
                </a:lnTo>
                <a:lnTo>
                  <a:pt x="8427049" y="683612"/>
                </a:lnTo>
                <a:lnTo>
                  <a:pt x="8427049" y="542606"/>
                </a:lnTo>
                <a:lnTo>
                  <a:pt x="8598974" y="542606"/>
                </a:lnTo>
                <a:lnTo>
                  <a:pt x="8598974" y="683612"/>
                </a:lnTo>
                <a:lnTo>
                  <a:pt x="8683691" y="683612"/>
                </a:lnTo>
                <a:lnTo>
                  <a:pt x="8683691" y="362526"/>
                </a:lnTo>
                <a:lnTo>
                  <a:pt x="8598974" y="362526"/>
                </a:lnTo>
                <a:lnTo>
                  <a:pt x="8598974" y="491527"/>
                </a:lnTo>
                <a:lnTo>
                  <a:pt x="8427049" y="491527"/>
                </a:lnTo>
                <a:lnTo>
                  <a:pt x="8427049" y="362526"/>
                </a:lnTo>
                <a:close/>
                <a:moveTo>
                  <a:pt x="11788419" y="356184"/>
                </a:moveTo>
                <a:lnTo>
                  <a:pt x="11788419" y="518029"/>
                </a:lnTo>
                <a:lnTo>
                  <a:pt x="11895109" y="518029"/>
                </a:lnTo>
                <a:cubicBezTo>
                  <a:pt x="11884814" y="504065"/>
                  <a:pt x="11871291" y="492797"/>
                  <a:pt x="11855695" y="485184"/>
                </a:cubicBezTo>
                <a:cubicBezTo>
                  <a:pt x="11874824" y="471978"/>
                  <a:pt x="11886263" y="450219"/>
                  <a:pt x="11886275" y="426970"/>
                </a:cubicBezTo>
                <a:cubicBezTo>
                  <a:pt x="11886275" y="386650"/>
                  <a:pt x="11858753" y="356184"/>
                  <a:pt x="11808352" y="356184"/>
                </a:cubicBezTo>
                <a:close/>
                <a:moveTo>
                  <a:pt x="11680484" y="356184"/>
                </a:moveTo>
                <a:lnTo>
                  <a:pt x="11680484" y="518029"/>
                </a:lnTo>
                <a:lnTo>
                  <a:pt x="11778340" y="518029"/>
                </a:lnTo>
                <a:lnTo>
                  <a:pt x="11778340" y="356184"/>
                </a:lnTo>
                <a:close/>
                <a:moveTo>
                  <a:pt x="11404023" y="356184"/>
                </a:moveTo>
                <a:lnTo>
                  <a:pt x="11404023" y="518029"/>
                </a:lnTo>
                <a:lnTo>
                  <a:pt x="11501878" y="518029"/>
                </a:lnTo>
                <a:lnTo>
                  <a:pt x="11501878" y="356184"/>
                </a:lnTo>
                <a:close/>
                <a:moveTo>
                  <a:pt x="11215109" y="356184"/>
                </a:moveTo>
                <a:lnTo>
                  <a:pt x="11215109" y="518029"/>
                </a:lnTo>
                <a:lnTo>
                  <a:pt x="11316136" y="518029"/>
                </a:lnTo>
                <a:lnTo>
                  <a:pt x="11258940" y="356184"/>
                </a:lnTo>
                <a:close/>
                <a:moveTo>
                  <a:pt x="11161200" y="356184"/>
                </a:moveTo>
                <a:lnTo>
                  <a:pt x="11103890" y="518029"/>
                </a:lnTo>
                <a:lnTo>
                  <a:pt x="11205030" y="518029"/>
                </a:lnTo>
                <a:lnTo>
                  <a:pt x="11205030" y="356184"/>
                </a:lnTo>
                <a:close/>
                <a:moveTo>
                  <a:pt x="11511957" y="355844"/>
                </a:moveTo>
                <a:lnTo>
                  <a:pt x="11511957" y="518029"/>
                </a:lnTo>
                <a:lnTo>
                  <a:pt x="11618533" y="518029"/>
                </a:lnTo>
                <a:cubicBezTo>
                  <a:pt x="11608250" y="504095"/>
                  <a:pt x="11594772" y="492831"/>
                  <a:pt x="11579233" y="485184"/>
                </a:cubicBezTo>
                <a:cubicBezTo>
                  <a:pt x="11598408" y="471872"/>
                  <a:pt x="11609801" y="449973"/>
                  <a:pt x="11609699" y="426630"/>
                </a:cubicBezTo>
                <a:cubicBezTo>
                  <a:pt x="11609699" y="386310"/>
                  <a:pt x="11582291" y="355844"/>
                  <a:pt x="11531777" y="355844"/>
                </a:cubicBezTo>
                <a:close/>
                <a:moveTo>
                  <a:pt x="9723643" y="355142"/>
                </a:moveTo>
                <a:cubicBezTo>
                  <a:pt x="9689392" y="354238"/>
                  <a:pt x="9654964" y="360041"/>
                  <a:pt x="9622369" y="372606"/>
                </a:cubicBezTo>
                <a:cubicBezTo>
                  <a:pt x="9592186" y="384144"/>
                  <a:pt x="9566692" y="405378"/>
                  <a:pt x="9549884" y="432972"/>
                </a:cubicBezTo>
                <a:cubicBezTo>
                  <a:pt x="9534210" y="461774"/>
                  <a:pt x="9526395" y="494195"/>
                  <a:pt x="9527233" y="526976"/>
                </a:cubicBezTo>
                <a:cubicBezTo>
                  <a:pt x="9527165" y="550171"/>
                  <a:pt x="9531276" y="573188"/>
                  <a:pt x="9539352" y="594930"/>
                </a:cubicBezTo>
                <a:lnTo>
                  <a:pt x="9538559" y="593911"/>
                </a:lnTo>
                <a:cubicBezTo>
                  <a:pt x="9552036" y="634230"/>
                  <a:pt x="9588279" y="663791"/>
                  <a:pt x="9629844" y="677268"/>
                </a:cubicBezTo>
                <a:cubicBezTo>
                  <a:pt x="9657751" y="685825"/>
                  <a:pt x="9686734" y="690326"/>
                  <a:pt x="9715920" y="690633"/>
                </a:cubicBezTo>
                <a:cubicBezTo>
                  <a:pt x="9753782" y="690751"/>
                  <a:pt x="9791270" y="683040"/>
                  <a:pt x="9826006" y="667981"/>
                </a:cubicBezTo>
                <a:cubicBezTo>
                  <a:pt x="9855544" y="655197"/>
                  <a:pt x="9877414" y="629348"/>
                  <a:pt x="9885127" y="598101"/>
                </a:cubicBezTo>
                <a:cubicBezTo>
                  <a:pt x="9887811" y="588015"/>
                  <a:pt x="9889181" y="577621"/>
                  <a:pt x="9889204" y="567182"/>
                </a:cubicBezTo>
                <a:lnTo>
                  <a:pt x="9798598" y="567182"/>
                </a:lnTo>
                <a:cubicBezTo>
                  <a:pt x="9799289" y="578891"/>
                  <a:pt x="9796990" y="590583"/>
                  <a:pt x="9791916" y="601159"/>
                </a:cubicBezTo>
                <a:cubicBezTo>
                  <a:pt x="9785143" y="617619"/>
                  <a:pt x="9771280" y="630117"/>
                  <a:pt x="9754201" y="635136"/>
                </a:cubicBezTo>
                <a:cubicBezTo>
                  <a:pt x="9741697" y="639480"/>
                  <a:pt x="9728582" y="641774"/>
                  <a:pt x="9715354" y="641932"/>
                </a:cubicBezTo>
                <a:cubicBezTo>
                  <a:pt x="9699951" y="641282"/>
                  <a:pt x="9684717" y="638539"/>
                  <a:pt x="9670051" y="633777"/>
                </a:cubicBezTo>
                <a:cubicBezTo>
                  <a:pt x="9648260" y="624183"/>
                  <a:pt x="9631724" y="605578"/>
                  <a:pt x="9624748" y="582811"/>
                </a:cubicBezTo>
                <a:cubicBezTo>
                  <a:pt x="9619459" y="564399"/>
                  <a:pt x="9616752" y="545340"/>
                  <a:pt x="9616706" y="526183"/>
                </a:cubicBezTo>
                <a:cubicBezTo>
                  <a:pt x="9616831" y="503331"/>
                  <a:pt x="9620648" y="480649"/>
                  <a:pt x="9628032" y="459021"/>
                </a:cubicBezTo>
                <a:cubicBezTo>
                  <a:pt x="9635473" y="436857"/>
                  <a:pt x="9652869" y="419460"/>
                  <a:pt x="9675034" y="412019"/>
                </a:cubicBezTo>
                <a:cubicBezTo>
                  <a:pt x="9688274" y="406660"/>
                  <a:pt x="9702431" y="403929"/>
                  <a:pt x="9716713" y="403978"/>
                </a:cubicBezTo>
                <a:cubicBezTo>
                  <a:pt x="9729364" y="404639"/>
                  <a:pt x="9741901" y="406729"/>
                  <a:pt x="9754088" y="410207"/>
                </a:cubicBezTo>
                <a:cubicBezTo>
                  <a:pt x="9772356" y="416237"/>
                  <a:pt x="9787057" y="429984"/>
                  <a:pt x="9794294" y="447809"/>
                </a:cubicBezTo>
                <a:cubicBezTo>
                  <a:pt x="9796967" y="455572"/>
                  <a:pt x="9798337" y="463722"/>
                  <a:pt x="9798371" y="471932"/>
                </a:cubicBezTo>
                <a:lnTo>
                  <a:pt x="9888411" y="471932"/>
                </a:lnTo>
                <a:lnTo>
                  <a:pt x="9884334" y="451773"/>
                </a:lnTo>
                <a:cubicBezTo>
                  <a:pt x="9877652" y="418657"/>
                  <a:pt x="9855000" y="391001"/>
                  <a:pt x="9823854" y="377929"/>
                </a:cubicBezTo>
                <a:cubicBezTo>
                  <a:pt x="9791967" y="363661"/>
                  <a:pt x="9757893" y="356047"/>
                  <a:pt x="9723643" y="355142"/>
                </a:cubicBezTo>
                <a:close/>
                <a:moveTo>
                  <a:pt x="0" y="0"/>
                </a:moveTo>
                <a:lnTo>
                  <a:pt x="12191997" y="0"/>
                </a:lnTo>
                <a:lnTo>
                  <a:pt x="12191997" y="2703599"/>
                </a:lnTo>
                <a:lnTo>
                  <a:pt x="0" y="2703599"/>
                </a:lnTo>
                <a:close/>
              </a:path>
            </a:pathLst>
          </a:custGeom>
          <a:noFill/>
          <a:ln>
            <a:noFill/>
          </a:ln>
        </p:spPr>
        <p:txBody>
          <a:bodyPr wrap="square" tIns="900000" anchor="ctr">
            <a:noAutofit/>
          </a:bodyPr>
          <a:lstStyle>
            <a:lvl1pPr algn="ctr">
              <a:defRPr sz="2000">
                <a:solidFill>
                  <a:schemeClr val="accent4"/>
                </a:solidFill>
              </a:defRPr>
            </a:lvl1pPr>
          </a:lstStyle>
          <a:p>
            <a:r>
              <a:rPr lang="en-US" dirty="0"/>
              <a:t>Click icon to add picture</a:t>
            </a:r>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2705093"/>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22" name="Graphic 21">
            <a:extLst>
              <a:ext uri="{FF2B5EF4-FFF2-40B4-BE49-F238E27FC236}">
                <a16:creationId xmlns:a16="http://schemas.microsoft.com/office/drawing/2014/main" id="{75773FFC-E571-491A-B1AC-1CAA3A3CC67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24" name="TextBox 23">
            <a:extLst>
              <a:ext uri="{FF2B5EF4-FFF2-40B4-BE49-F238E27FC236}">
                <a16:creationId xmlns:a16="http://schemas.microsoft.com/office/drawing/2014/main" id="{216765B2-1E0B-4801-837D-638B104A1BE3}"/>
              </a:ext>
            </a:extLst>
          </p:cNvPr>
          <p:cNvSpPr txBox="1"/>
          <p:nvPr userDrawn="1"/>
        </p:nvSpPr>
        <p:spPr>
          <a:xfrm>
            <a:off x="9390591" y="6398401"/>
            <a:ext cx="2166937" cy="247674"/>
          </a:xfrm>
          <a:prstGeom prst="rect">
            <a:avLst/>
          </a:prstGeom>
          <a:noFill/>
          <a:ln>
            <a:noFill/>
          </a:ln>
        </p:spPr>
        <p:txBody>
          <a:bodyPr wrap="square" lIns="0" tIns="0" rIns="0" bIns="0" rtlCol="0" anchor="ctr">
            <a:noAutofit/>
          </a:bodyPr>
          <a:lstStyle/>
          <a:p>
            <a:r>
              <a:rPr lang="en-US" sz="1170" b="1" dirty="0"/>
              <a:t>HITACHI ABB POWER GRIDS</a:t>
            </a:r>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0" y="6858000"/>
            <a:ext cx="0" cy="0"/>
          </a:xfrm>
          <a:prstGeom prst="rect">
            <a:avLst/>
          </a:prstGeom>
        </p:spPr>
        <p:txBody>
          <a:bodyPr/>
          <a:lstStyle>
            <a:lvl1pPr>
              <a:defRPr>
                <a:solidFill>
                  <a:schemeClr val="bg1"/>
                </a:solidFill>
              </a:defRPr>
            </a:lvl1pPr>
          </a:lstStyle>
          <a:p>
            <a:endParaRPr lang="en-US" dirty="0"/>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a:xfrm>
            <a:off x="0" y="6858000"/>
            <a:ext cx="0" cy="0"/>
          </a:xfrm>
          <a:prstGeom prst="rect">
            <a:avLst/>
          </a:prstGeom>
        </p:spPr>
        <p:txBody>
          <a:bodyPr/>
          <a:lstStyle>
            <a:lvl1pPr>
              <a:defRPr>
                <a:solidFill>
                  <a:schemeClr val="bg1"/>
                </a:solidFill>
              </a:defRPr>
            </a:lvl1pPr>
          </a:lstStyle>
          <a:p>
            <a:fld id="{C24EC536-6FE3-4540-8D85-74C58F0BF697}" type="slidenum">
              <a:rPr lang="en-US" smtClean="0"/>
              <a:pPr/>
              <a:t>‹#›</a:t>
            </a:fld>
            <a:endParaRPr lang="en-US" dirty="0"/>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3DA6F311-81A1-433A-87C5-CB6DA321B03F}"/>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
        <p:nvSpPr>
          <p:cNvPr id="35" name="text"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5B0B4CF5-EC55-4DB1-8F0A-252E0E8CE420}"/>
              </a:ext>
            </a:extLst>
          </p:cNvPr>
          <p:cNvSpPr txBox="1"/>
          <p:nvPr userDrawn="1"/>
        </p:nvSpPr>
        <p:spPr bwMode="gray">
          <a:xfrm>
            <a:off x="1365279" y="6639725"/>
            <a:ext cx="3431478" cy="154949"/>
          </a:xfrm>
          <a:prstGeom prst="rect">
            <a:avLst/>
          </a:prstGeom>
          <a:noFill/>
          <a:ln>
            <a:noFill/>
          </a:ln>
        </p:spPr>
        <p:txBody>
          <a:bodyPr wrap="square" lIns="0" tIns="0" rIns="0" bIns="0" rtlCol="0" anchor="ctr">
            <a:noAutofit/>
          </a:bodyPr>
          <a:lstStyle/>
          <a:p>
            <a:pPr algn="l"/>
            <a:endParaRPr lang="pl-PL" sz="930" dirty="0">
              <a:solidFill>
                <a:schemeClr val="tx1"/>
              </a:solidFill>
            </a:endParaRPr>
          </a:p>
        </p:txBody>
      </p:sp>
      <p:sp>
        <p:nvSpPr>
          <p:cNvPr id="2" name="Text Box 13">
            <a:extLst>
              <a:ext uri="{FF2B5EF4-FFF2-40B4-BE49-F238E27FC236}">
                <a16:creationId xmlns:a16="http://schemas.microsoft.com/office/drawing/2014/main" id="{737E5FAD-1D90-4473-AC5A-E5F23D71DB7E}"/>
              </a:ext>
            </a:extLst>
          </p:cNvPr>
          <p:cNvSpPr txBox="1">
            <a:spLocks noChangeArrowheads="1"/>
          </p:cNvSpPr>
          <p:nvPr userDrawn="1"/>
        </p:nvSpPr>
        <p:spPr bwMode="gray">
          <a:xfrm>
            <a:off x="1372422" y="6438755"/>
            <a:ext cx="3424335" cy="261610"/>
          </a:xfrm>
          <a:prstGeom prst="rect">
            <a:avLst/>
          </a:prstGeom>
          <a:noFill/>
          <a:ln w="25400">
            <a:noFill/>
            <a:miter lim="800000"/>
            <a:headEnd/>
            <a:tailEnd/>
          </a:ln>
        </p:spPr>
        <p:txBody>
          <a:bodyPr wrap="none" lIns="0" tIns="0" rIns="0" bIns="0">
            <a:noAutofit/>
          </a:bodyPr>
          <a:lstStyle/>
          <a:p>
            <a:pPr algn="ctr">
              <a:spcBef>
                <a:spcPct val="50000"/>
              </a:spcBef>
              <a:defRPr/>
            </a:pPr>
            <a:r>
              <a:rPr kumimoji="0" lang="en-US" altLang="ja-JP" sz="1170" b="1" dirty="0">
                <a:solidFill>
                  <a:schemeClr val="tx1"/>
                </a:solidFill>
                <a:latin typeface="Arial" charset="0"/>
                <a:ea typeface="Arial" pitchFamily="34" charset="0"/>
              </a:rPr>
              <a:t>POWERING GOOD FOR SUSTAINABLE ENERGY</a:t>
            </a:r>
          </a:p>
        </p:txBody>
      </p:sp>
      <p:pic>
        <p:nvPicPr>
          <p:cNvPr id="7" name="Confidential" hidden="1">
            <a:extLst>
              <a:ext uri="{FF2B5EF4-FFF2-40B4-BE49-F238E27FC236}">
                <a16:creationId xmlns:a16="http://schemas.microsoft.com/office/drawing/2014/main" id="{5400EBF5-6B37-4F09-9C6C-F10AF0EBA464}"/>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277200" y="345600"/>
            <a:ext cx="1671890" cy="266400"/>
          </a:xfrm>
          <a:prstGeom prst="rect">
            <a:avLst/>
          </a:prstGeom>
        </p:spPr>
      </p:pic>
      <p:pic>
        <p:nvPicPr>
          <p:cNvPr id="15" name="Public" hidden="1">
            <a:extLst>
              <a:ext uri="{FF2B5EF4-FFF2-40B4-BE49-F238E27FC236}">
                <a16:creationId xmlns:a16="http://schemas.microsoft.com/office/drawing/2014/main" id="{AB30B44C-1FAC-42B1-91D5-52C0DDB28E02}"/>
              </a:ext>
            </a:extLst>
          </p:cNvPr>
          <p:cNvPicPr>
            <a:picLocks noChangeAspect="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275718" y="345600"/>
            <a:ext cx="1671890" cy="266400"/>
          </a:xfrm>
          <a:prstGeom prst="rect">
            <a:avLst/>
          </a:prstGeom>
        </p:spPr>
      </p:pic>
      <p:pic>
        <p:nvPicPr>
          <p:cNvPr id="23" name="Internal">
            <a:extLst>
              <a:ext uri="{FF2B5EF4-FFF2-40B4-BE49-F238E27FC236}">
                <a16:creationId xmlns:a16="http://schemas.microsoft.com/office/drawing/2014/main" id="{58075DE1-77CF-4415-AE87-8C01A84C3E40}"/>
              </a:ext>
            </a:extLst>
          </p:cNvPr>
          <p:cNvPicPr>
            <a:picLocks noChangeAspect="1"/>
          </p:cNvPicPr>
          <p:nvPr userDrawn="1"/>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75718" y="344152"/>
            <a:ext cx="1671890" cy="266400"/>
          </a:xfrm>
          <a:prstGeom prst="rect">
            <a:avLst/>
          </a:prstGeom>
        </p:spPr>
      </p:pic>
      <p:pic>
        <p:nvPicPr>
          <p:cNvPr id="28" name="Strictly" hidden="1">
            <a:extLst>
              <a:ext uri="{FF2B5EF4-FFF2-40B4-BE49-F238E27FC236}">
                <a16:creationId xmlns:a16="http://schemas.microsoft.com/office/drawing/2014/main" id="{9AC1ADDA-FB08-4CB7-975F-8B02766198B4}"/>
              </a:ext>
            </a:extLst>
          </p:cNvPr>
          <p:cNvPicPr>
            <a:picLocks noChangeAspect="1"/>
          </p:cNvPicPr>
          <p:nvPr userDrawn="1"/>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77200" y="345600"/>
            <a:ext cx="1671890" cy="266400"/>
          </a:xfrm>
          <a:prstGeom prst="rect">
            <a:avLst/>
          </a:prstGeom>
        </p:spPr>
      </p:pic>
      <p:sp>
        <p:nvSpPr>
          <p:cNvPr id="21" name="Title 1" descr="{&#10; &quot;SkabelonDesign&quot;: {&#10; &quot;textualValue&quot;: &quot;&lt;key1/&gt;&quot;,&#10; &quot;bindingCollection&quot;: {&#10; &quot;key1&quot;: {&quot;SkabelonDesign&quot;:{&quot;type&quot;:&quot;Text&quot;,&quot;binding&quot;:&quot;Title&quot;}}&#10; }&#10; }&#10;}">
            <a:extLst>
              <a:ext uri="{FF2B5EF4-FFF2-40B4-BE49-F238E27FC236}">
                <a16:creationId xmlns:a16="http://schemas.microsoft.com/office/drawing/2014/main" id="{7C8BDFB2-0620-481E-8923-D198C2F257CE}"/>
              </a:ext>
            </a:extLst>
          </p:cNvPr>
          <p:cNvSpPr txBox="1">
            <a:spLocks/>
          </p:cNvSpPr>
          <p:nvPr userDrawn="1"/>
        </p:nvSpPr>
        <p:spPr>
          <a:xfrm>
            <a:off x="1372421" y="3076804"/>
            <a:ext cx="10555200" cy="493200"/>
          </a:xfrm>
          <a:prstGeom prst="rect">
            <a:avLst/>
          </a:prstGeom>
          <a:noFill/>
        </p:spPr>
        <p:txBody>
          <a:bodyPr vert="horz" lIns="0" tIns="0" rIns="0" bIns="0" rtlCol="0" anchor="t">
            <a:noAutofit/>
          </a:bodyPr>
          <a:lstStyle>
            <a:lvl1pPr algn="l" defTabSz="914400" rtl="0" eaLnBrk="1" latinLnBrk="0" hangingPunct="1">
              <a:lnSpc>
                <a:spcPct val="100000"/>
              </a:lnSpc>
              <a:spcBef>
                <a:spcPct val="0"/>
              </a:spcBef>
              <a:buNone/>
              <a:defRPr sz="2800" b="1" kern="1200">
                <a:solidFill>
                  <a:schemeClr val="tx1"/>
                </a:solidFill>
                <a:latin typeface="+mj-lt"/>
                <a:ea typeface="+mj-ea"/>
                <a:cs typeface="+mj-cs"/>
              </a:defRPr>
            </a:lvl1pPr>
          </a:lstStyle>
          <a:p>
            <a:endParaRPr lang="en-US" dirty="0"/>
          </a:p>
        </p:txBody>
      </p:sp>
      <p:sp>
        <p:nvSpPr>
          <p:cNvPr id="25" name="Subtitle 2" descr="{&#10; &quot;SkabelonDesign&quot;: {&#10; &quot;textualValue&quot;: &quot;&lt;key1/&gt;&quot;,&#10; &quot;bindingCollection&quot;: {&#10; &quot;key1&quot;: {&quot;SkabelonDesign&quot;:{&quot;type&quot;:&quot;Text&quot;,&quot;binding&quot;:&quot;SupplementaryTitle&quot;}}&#10; }&#10; }&#10;}">
            <a:extLst>
              <a:ext uri="{FF2B5EF4-FFF2-40B4-BE49-F238E27FC236}">
                <a16:creationId xmlns:a16="http://schemas.microsoft.com/office/drawing/2014/main" id="{5AC6839C-96C5-4A4E-86DA-A636CB58676A}"/>
              </a:ext>
            </a:extLst>
          </p:cNvPr>
          <p:cNvSpPr txBox="1">
            <a:spLocks/>
          </p:cNvSpPr>
          <p:nvPr userDrawn="1"/>
        </p:nvSpPr>
        <p:spPr>
          <a:xfrm>
            <a:off x="1383253" y="3571054"/>
            <a:ext cx="10555200" cy="327600"/>
          </a:xfrm>
          <a:prstGeom prst="rect">
            <a:avLst/>
          </a:prstGeom>
          <a:noFill/>
        </p:spPr>
        <p:txBody>
          <a:bodyPr vert="horz" lIns="0" tIns="0" rIns="0" bIns="0" rtlCol="0" anchor="t">
            <a:noAutofit/>
          </a:bodyPr>
          <a:lstStyle>
            <a:lvl1pPr marL="0" indent="0" algn="l" defTabSz="914400" rtl="0" eaLnBrk="1" latinLnBrk="0" hangingPunct="1">
              <a:lnSpc>
                <a:spcPct val="100000"/>
              </a:lnSpc>
              <a:spcBef>
                <a:spcPts val="600"/>
              </a:spcBef>
              <a:buFont typeface="Arial" panose="020B0604020202020204" pitchFamily="34" charset="0"/>
              <a:buNone/>
              <a:defRPr sz="2000" kern="1200">
                <a:solidFill>
                  <a:schemeClr val="tx1"/>
                </a:solidFill>
                <a:latin typeface="Arial Nova Light" panose="020B0304020202020204" pitchFamily="34" charset="0"/>
                <a:ea typeface="+mn-ea"/>
                <a:cs typeface="+mn-cs"/>
              </a:defRPr>
            </a:lvl1pPr>
            <a:lvl2pPr marL="457200" indent="0" algn="ctr" defTabSz="914400" rtl="0" eaLnBrk="1" latinLnBrk="0" hangingPunct="1">
              <a:lnSpc>
                <a:spcPct val="100000"/>
              </a:lnSpc>
              <a:spcBef>
                <a:spcPts val="6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6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9pPr>
          </a:lstStyle>
          <a:p>
            <a:endParaRPr lang="en-US" dirty="0"/>
          </a:p>
        </p:txBody>
      </p:sp>
      <p:sp>
        <p:nvSpPr>
          <p:cNvPr id="26" name="Subtitle 2" descr="{&#10; &quot;SkabelonDesign&quot;: {&#10; &quot;textualValue&quot;: &quot;&lt;key1/&gt;&quot;,&#10; &quot;bindingCollection&quot;: {&#10; &quot;key1&quot;: {&quot;SkabelonDesign&quot;:{&quot;type&quot;:&quot;Text&quot;,&quot;binding&quot;:&quot;AdditionalInformation&quot;}}&#10; }&#10; }&#10;}">
            <a:extLst>
              <a:ext uri="{FF2B5EF4-FFF2-40B4-BE49-F238E27FC236}">
                <a16:creationId xmlns:a16="http://schemas.microsoft.com/office/drawing/2014/main" id="{8BBDA105-B6F9-4696-8154-72B04720E007}"/>
              </a:ext>
            </a:extLst>
          </p:cNvPr>
          <p:cNvSpPr txBox="1">
            <a:spLocks/>
          </p:cNvSpPr>
          <p:nvPr userDrawn="1"/>
        </p:nvSpPr>
        <p:spPr>
          <a:xfrm>
            <a:off x="1383255" y="3960243"/>
            <a:ext cx="10555200" cy="306000"/>
          </a:xfrm>
          <a:prstGeom prst="rect">
            <a:avLst/>
          </a:prstGeom>
          <a:noFill/>
        </p:spPr>
        <p:txBody>
          <a:bodyPr vert="horz" lIns="0" tIns="0" rIns="0" bIns="0" rtlCol="0" anchor="t">
            <a:noAutofit/>
          </a:bodyPr>
          <a:lstStyle>
            <a:lvl1pPr marL="0" indent="0" algn="l" defTabSz="914400" rtl="0" eaLnBrk="1" latinLnBrk="0" hangingPunct="1">
              <a:lnSpc>
                <a:spcPct val="100000"/>
              </a:lnSpc>
              <a:spcBef>
                <a:spcPts val="600"/>
              </a:spcBef>
              <a:buFont typeface="Arial" panose="020B0604020202020204" pitchFamily="34" charset="0"/>
              <a:buNone/>
              <a:defRPr sz="2000" kern="1200">
                <a:solidFill>
                  <a:schemeClr val="tx1"/>
                </a:solidFill>
                <a:latin typeface="Arial Nova Light" panose="020B0304020202020204" pitchFamily="34" charset="0"/>
                <a:ea typeface="+mn-ea"/>
                <a:cs typeface="+mn-cs"/>
              </a:defRPr>
            </a:lvl1pPr>
            <a:lvl2pPr marL="457200" indent="0" algn="ctr" defTabSz="914400" rtl="0" eaLnBrk="1" latinLnBrk="0" hangingPunct="1">
              <a:lnSpc>
                <a:spcPct val="100000"/>
              </a:lnSpc>
              <a:spcBef>
                <a:spcPts val="6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6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9pPr>
          </a:lstStyle>
          <a:p>
            <a:endParaRPr lang="en-US" sz="1400" dirty="0"/>
          </a:p>
        </p:txBody>
      </p:sp>
    </p:spTree>
    <p:extLst>
      <p:ext uri="{BB962C8B-B14F-4D97-AF65-F5344CB8AC3E}">
        <p14:creationId xmlns:p14="http://schemas.microsoft.com/office/powerpoint/2010/main" val="197934175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mp; Content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5" name="Text Placeholder 11">
            <a:extLst>
              <a:ext uri="{FF2B5EF4-FFF2-40B4-BE49-F238E27FC236}">
                <a16:creationId xmlns:a16="http://schemas.microsoft.com/office/drawing/2014/main" id="{FAC527E1-CBF6-43CE-BCF3-6359E433CFDE}"/>
              </a:ext>
            </a:extLst>
          </p:cNvPr>
          <p:cNvSpPr>
            <a:spLocks noGrp="1"/>
          </p:cNvSpPr>
          <p:nvPr>
            <p:ph type="body" sz="quarter" idx="30"/>
          </p:nvPr>
        </p:nvSpPr>
        <p:spPr bwMode="gray">
          <a:xfrm>
            <a:off x="263525" y="1473607"/>
            <a:ext cx="1166495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6" name="Content Placeholder 15">
            <a:extLst>
              <a:ext uri="{FF2B5EF4-FFF2-40B4-BE49-F238E27FC236}">
                <a16:creationId xmlns:a16="http://schemas.microsoft.com/office/drawing/2014/main" id="{6D6E47E2-CFF9-4929-BE9D-85365E9413F8}"/>
              </a:ext>
            </a:extLst>
          </p:cNvPr>
          <p:cNvSpPr>
            <a:spLocks noGrp="1"/>
          </p:cNvSpPr>
          <p:nvPr>
            <p:ph sz="quarter" idx="19"/>
          </p:nvPr>
        </p:nvSpPr>
        <p:spPr bwMode="gray">
          <a:xfrm>
            <a:off x="263525" y="1844826"/>
            <a:ext cx="11664950"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Text Placeholder 7">
            <a:extLst>
              <a:ext uri="{FF2B5EF4-FFF2-40B4-BE49-F238E27FC236}">
                <a16:creationId xmlns:a16="http://schemas.microsoft.com/office/drawing/2014/main" id="{AABAAD68-8B16-486F-BAEC-5ACAD86B61E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1" name="Title 1">
            <a:extLst>
              <a:ext uri="{FF2B5EF4-FFF2-40B4-BE49-F238E27FC236}">
                <a16:creationId xmlns:a16="http://schemas.microsoft.com/office/drawing/2014/main" id="{F10F195E-83B2-41A2-8F36-04F29336C233}"/>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9" name="TextBox 8">
            <a:extLst>
              <a:ext uri="{FF2B5EF4-FFF2-40B4-BE49-F238E27FC236}">
                <a16:creationId xmlns:a16="http://schemas.microsoft.com/office/drawing/2014/main" id="{3CE987E3-375B-412A-B11B-3C2584C4B8D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21621480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2) &amp; Content (2)">
    <p:spTree>
      <p:nvGrpSpPr>
        <p:cNvPr id="1" name=""/>
        <p:cNvGrpSpPr/>
        <p:nvPr/>
      </p:nvGrpSpPr>
      <p:grpSpPr>
        <a:xfrm>
          <a:off x="0" y="0"/>
          <a:ext cx="0" cy="0"/>
          <a:chOff x="0" y="0"/>
          <a:chExt cx="0" cy="0"/>
        </a:xfrm>
      </p:grpSpPr>
      <p:sp>
        <p:nvSpPr>
          <p:cNvPr id="29" name="Text Placeholder 11">
            <a:extLst>
              <a:ext uri="{FF2B5EF4-FFF2-40B4-BE49-F238E27FC236}">
                <a16:creationId xmlns:a16="http://schemas.microsoft.com/office/drawing/2014/main" id="{77CF11F9-392A-4F9A-A9E9-90FDCBED0EAE}"/>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0" name="Text Placeholder 11">
            <a:extLst>
              <a:ext uri="{FF2B5EF4-FFF2-40B4-BE49-F238E27FC236}">
                <a16:creationId xmlns:a16="http://schemas.microsoft.com/office/drawing/2014/main" id="{684B176C-259C-4283-A8C6-335BD6553B0C}"/>
              </a:ext>
            </a:extLst>
          </p:cNvPr>
          <p:cNvSpPr>
            <a:spLocks noGrp="1"/>
          </p:cNvSpPr>
          <p:nvPr>
            <p:ph type="body" sz="quarter" idx="26"/>
          </p:nvPr>
        </p:nvSpPr>
        <p:spPr bwMode="gray">
          <a:xfrm>
            <a:off x="6311571" y="1473607"/>
            <a:ext cx="56052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1" name="Content Placeholder 3">
            <a:extLst>
              <a:ext uri="{FF2B5EF4-FFF2-40B4-BE49-F238E27FC236}">
                <a16:creationId xmlns:a16="http://schemas.microsoft.com/office/drawing/2014/main" id="{2EE9DBAB-CFE0-42C2-B2D3-65B2D93F8BB9}"/>
              </a:ext>
            </a:extLst>
          </p:cNvPr>
          <p:cNvSpPr>
            <a:spLocks noGrp="1"/>
          </p:cNvSpPr>
          <p:nvPr>
            <p:ph sz="quarter" idx="20"/>
          </p:nvPr>
        </p:nvSpPr>
        <p:spPr bwMode="gray">
          <a:xfrm>
            <a:off x="6310511" y="1844826"/>
            <a:ext cx="5616503"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2" name="Content Placeholder 3">
            <a:extLst>
              <a:ext uri="{FF2B5EF4-FFF2-40B4-BE49-F238E27FC236}">
                <a16:creationId xmlns:a16="http://schemas.microsoft.com/office/drawing/2014/main" id="{5CDF3E76-DB43-4E8F-87C4-29ECB4438624}"/>
              </a:ext>
            </a:extLst>
          </p:cNvPr>
          <p:cNvSpPr>
            <a:spLocks noGrp="1"/>
          </p:cNvSpPr>
          <p:nvPr>
            <p:ph sz="quarter" idx="19"/>
          </p:nvPr>
        </p:nvSpPr>
        <p:spPr bwMode="gray">
          <a:xfrm>
            <a:off x="263524" y="1844826"/>
            <a:ext cx="561551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 name="Picture Placeholder 24">
            <a:extLst>
              <a:ext uri="{FF2B5EF4-FFF2-40B4-BE49-F238E27FC236}">
                <a16:creationId xmlns:a16="http://schemas.microsoft.com/office/drawing/2014/main" id="{551CEF45-E1E5-4A09-AF12-AA34392BA9A5}"/>
              </a:ext>
            </a:extLst>
          </p:cNvPr>
          <p:cNvSpPr>
            <a:spLocks noGrp="1"/>
          </p:cNvSpPr>
          <p:nvPr>
            <p:ph type="pic" sz="quarter" idx="33" hasCustomPrompt="1"/>
          </p:nvPr>
        </p:nvSpPr>
        <p:spPr>
          <a:xfrm>
            <a:off x="264913" y="1361963"/>
            <a:ext cx="5616000" cy="28800"/>
          </a:xfrm>
          <a:solidFill>
            <a:schemeClr val="tx2"/>
          </a:solidFill>
          <a:ln>
            <a:noFill/>
          </a:ln>
        </p:spPr>
        <p:txBody>
          <a:bodyPr/>
          <a:lstStyle>
            <a:lvl1pPr>
              <a:defRPr sz="100"/>
            </a:lvl1pPr>
          </a:lstStyle>
          <a:p>
            <a:r>
              <a:rPr lang="en-US" dirty="0"/>
              <a:t>.</a:t>
            </a:r>
          </a:p>
        </p:txBody>
      </p:sp>
      <p:sp>
        <p:nvSpPr>
          <p:cNvPr id="19" name="Picture Placeholder 24">
            <a:extLst>
              <a:ext uri="{FF2B5EF4-FFF2-40B4-BE49-F238E27FC236}">
                <a16:creationId xmlns:a16="http://schemas.microsoft.com/office/drawing/2014/main" id="{4BDB2C87-BA9A-4C26-B071-D2A7AE38188C}"/>
              </a:ext>
            </a:extLst>
          </p:cNvPr>
          <p:cNvSpPr>
            <a:spLocks noGrp="1"/>
          </p:cNvSpPr>
          <p:nvPr>
            <p:ph type="pic" sz="quarter" idx="34" hasCustomPrompt="1"/>
          </p:nvPr>
        </p:nvSpPr>
        <p:spPr>
          <a:xfrm>
            <a:off x="6312475" y="1361963"/>
            <a:ext cx="5616000" cy="28800"/>
          </a:xfrm>
          <a:solidFill>
            <a:schemeClr val="tx1"/>
          </a:solidFill>
          <a:ln>
            <a:noFill/>
          </a:ln>
        </p:spPr>
        <p:txBody>
          <a:bodyPr/>
          <a:lstStyle>
            <a:lvl1pPr>
              <a:defRPr sz="100"/>
            </a:lvl1pPr>
          </a:lstStyle>
          <a:p>
            <a:r>
              <a:rPr lang="en-US" dirty="0"/>
              <a:t>.</a:t>
            </a:r>
          </a:p>
        </p:txBody>
      </p:sp>
      <p:sp>
        <p:nvSpPr>
          <p:cNvPr id="12" name="Title 1">
            <a:extLst>
              <a:ext uri="{FF2B5EF4-FFF2-40B4-BE49-F238E27FC236}">
                <a16:creationId xmlns:a16="http://schemas.microsoft.com/office/drawing/2014/main" id="{8E51AC65-A913-4EDC-BBFD-A07E0F970557}"/>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Tree>
    <p:extLst>
      <p:ext uri="{BB962C8B-B14F-4D97-AF65-F5344CB8AC3E}">
        <p14:creationId xmlns:p14="http://schemas.microsoft.com/office/powerpoint/2010/main" val="2117597332"/>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2) &amp; Content (2)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6" name="Text Placeholder 11">
            <a:extLst>
              <a:ext uri="{FF2B5EF4-FFF2-40B4-BE49-F238E27FC236}">
                <a16:creationId xmlns:a16="http://schemas.microsoft.com/office/drawing/2014/main" id="{BE773D7E-8737-4549-BA6F-9CD12F2D24F5}"/>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7" name="Text Placeholder 11">
            <a:extLst>
              <a:ext uri="{FF2B5EF4-FFF2-40B4-BE49-F238E27FC236}">
                <a16:creationId xmlns:a16="http://schemas.microsoft.com/office/drawing/2014/main" id="{7F36FFC0-2B26-4B6E-81E9-87E8914B4DE9}"/>
              </a:ext>
            </a:extLst>
          </p:cNvPr>
          <p:cNvSpPr>
            <a:spLocks noGrp="1"/>
          </p:cNvSpPr>
          <p:nvPr>
            <p:ph type="body" sz="quarter" idx="26"/>
          </p:nvPr>
        </p:nvSpPr>
        <p:spPr bwMode="gray">
          <a:xfrm>
            <a:off x="6311571" y="1473607"/>
            <a:ext cx="56052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8" name="Content Placeholder 3">
            <a:extLst>
              <a:ext uri="{FF2B5EF4-FFF2-40B4-BE49-F238E27FC236}">
                <a16:creationId xmlns:a16="http://schemas.microsoft.com/office/drawing/2014/main" id="{CB0DE72E-A072-4713-B9D3-7CF3F972BD71}"/>
              </a:ext>
            </a:extLst>
          </p:cNvPr>
          <p:cNvSpPr>
            <a:spLocks noGrp="1"/>
          </p:cNvSpPr>
          <p:nvPr>
            <p:ph sz="quarter" idx="20"/>
          </p:nvPr>
        </p:nvSpPr>
        <p:spPr bwMode="gray">
          <a:xfrm>
            <a:off x="6310511" y="1844826"/>
            <a:ext cx="5616503"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9" name="Content Placeholder 3">
            <a:extLst>
              <a:ext uri="{FF2B5EF4-FFF2-40B4-BE49-F238E27FC236}">
                <a16:creationId xmlns:a16="http://schemas.microsoft.com/office/drawing/2014/main" id="{06D04365-BF08-447A-9A64-A43CDFB2EB55}"/>
              </a:ext>
            </a:extLst>
          </p:cNvPr>
          <p:cNvSpPr>
            <a:spLocks noGrp="1"/>
          </p:cNvSpPr>
          <p:nvPr>
            <p:ph sz="quarter" idx="19"/>
          </p:nvPr>
        </p:nvSpPr>
        <p:spPr bwMode="gray">
          <a:xfrm>
            <a:off x="263524" y="1844826"/>
            <a:ext cx="56155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4" name="Text Placeholder 7">
            <a:extLst>
              <a:ext uri="{FF2B5EF4-FFF2-40B4-BE49-F238E27FC236}">
                <a16:creationId xmlns:a16="http://schemas.microsoft.com/office/drawing/2014/main" id="{EA4E27D0-DBD6-427E-9C38-152E21795D9A}"/>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5" name="Picture Placeholder 24">
            <a:extLst>
              <a:ext uri="{FF2B5EF4-FFF2-40B4-BE49-F238E27FC236}">
                <a16:creationId xmlns:a16="http://schemas.microsoft.com/office/drawing/2014/main" id="{85C309D6-3FA5-498F-AC6B-F6A20E8C6D33}"/>
              </a:ext>
            </a:extLst>
          </p:cNvPr>
          <p:cNvSpPr>
            <a:spLocks noGrp="1"/>
          </p:cNvSpPr>
          <p:nvPr>
            <p:ph type="pic" sz="quarter" idx="33" hasCustomPrompt="1"/>
          </p:nvPr>
        </p:nvSpPr>
        <p:spPr>
          <a:xfrm>
            <a:off x="264913" y="1361963"/>
            <a:ext cx="5616000" cy="28800"/>
          </a:xfrm>
          <a:solidFill>
            <a:schemeClr val="tx2"/>
          </a:solidFill>
          <a:ln>
            <a:noFill/>
          </a:ln>
        </p:spPr>
        <p:txBody>
          <a:bodyPr/>
          <a:lstStyle>
            <a:lvl1pPr>
              <a:defRPr sz="100"/>
            </a:lvl1pPr>
          </a:lstStyle>
          <a:p>
            <a:r>
              <a:rPr lang="en-US" dirty="0"/>
              <a:t>.</a:t>
            </a:r>
          </a:p>
        </p:txBody>
      </p:sp>
      <p:sp>
        <p:nvSpPr>
          <p:cNvPr id="20" name="Picture Placeholder 24">
            <a:extLst>
              <a:ext uri="{FF2B5EF4-FFF2-40B4-BE49-F238E27FC236}">
                <a16:creationId xmlns:a16="http://schemas.microsoft.com/office/drawing/2014/main" id="{73C95AB0-9EAA-43E7-85C6-A45B2EDF1518}"/>
              </a:ext>
            </a:extLst>
          </p:cNvPr>
          <p:cNvSpPr>
            <a:spLocks noGrp="1"/>
          </p:cNvSpPr>
          <p:nvPr>
            <p:ph type="pic" sz="quarter" idx="34" hasCustomPrompt="1"/>
          </p:nvPr>
        </p:nvSpPr>
        <p:spPr>
          <a:xfrm>
            <a:off x="6312475" y="1361963"/>
            <a:ext cx="5616000" cy="28800"/>
          </a:xfrm>
          <a:solidFill>
            <a:schemeClr val="tx1"/>
          </a:solidFill>
          <a:ln>
            <a:noFill/>
          </a:ln>
        </p:spPr>
        <p:txBody>
          <a:bodyPr/>
          <a:lstStyle>
            <a:lvl1pPr>
              <a:defRPr sz="100"/>
            </a:lvl1pPr>
          </a:lstStyle>
          <a:p>
            <a:r>
              <a:rPr lang="en-US" dirty="0"/>
              <a:t>.</a:t>
            </a:r>
          </a:p>
        </p:txBody>
      </p:sp>
      <p:sp>
        <p:nvSpPr>
          <p:cNvPr id="21" name="Title 1">
            <a:extLst>
              <a:ext uri="{FF2B5EF4-FFF2-40B4-BE49-F238E27FC236}">
                <a16:creationId xmlns:a16="http://schemas.microsoft.com/office/drawing/2014/main" id="{60F44204-EEB3-4F01-B49E-2A16F4D8A8E7}"/>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3" name="TextBox 12">
            <a:extLst>
              <a:ext uri="{FF2B5EF4-FFF2-40B4-BE49-F238E27FC236}">
                <a16:creationId xmlns:a16="http://schemas.microsoft.com/office/drawing/2014/main" id="{7514B1AC-B0D0-413B-AA1B-BEED78B23AC5}"/>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83120469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amp; Content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8" name="Picture Placeholder 3">
            <a:extLst>
              <a:ext uri="{FF2B5EF4-FFF2-40B4-BE49-F238E27FC236}">
                <a16:creationId xmlns:a16="http://schemas.microsoft.com/office/drawing/2014/main" id="{33F13BF9-1311-4811-A51C-9FFEF446C948}"/>
              </a:ext>
            </a:extLst>
          </p:cNvPr>
          <p:cNvSpPr>
            <a:spLocks noGrp="1"/>
          </p:cNvSpPr>
          <p:nvPr>
            <p:ph type="pic" sz="quarter" idx="18"/>
          </p:nvPr>
        </p:nvSpPr>
        <p:spPr>
          <a:xfrm>
            <a:off x="6310313" y="1473607"/>
            <a:ext cx="5616575" cy="4871631"/>
          </a:xfrm>
          <a:noFill/>
        </p:spPr>
        <p:txBody>
          <a:bodyPr tIns="756000" anchor="ctr"/>
          <a:lstStyle>
            <a:lvl1pPr algn="ctr">
              <a:defRPr>
                <a:solidFill>
                  <a:schemeClr val="accent4"/>
                </a:solidFill>
              </a:defRPr>
            </a:lvl1pPr>
          </a:lstStyle>
          <a:p>
            <a:r>
              <a:rPr lang="en-US" dirty="0"/>
              <a:t>Click icon to add picture</a:t>
            </a:r>
          </a:p>
        </p:txBody>
      </p:sp>
      <p:sp>
        <p:nvSpPr>
          <p:cNvPr id="8" name="Text Placeholder 11">
            <a:extLst>
              <a:ext uri="{FF2B5EF4-FFF2-40B4-BE49-F238E27FC236}">
                <a16:creationId xmlns:a16="http://schemas.microsoft.com/office/drawing/2014/main" id="{D81C83C8-EE7C-474B-8A4C-FA0B57CF4633}"/>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9" name="Content Placeholder 3">
            <a:extLst>
              <a:ext uri="{FF2B5EF4-FFF2-40B4-BE49-F238E27FC236}">
                <a16:creationId xmlns:a16="http://schemas.microsoft.com/office/drawing/2014/main" id="{90F2AEDF-5408-4280-B382-645AF1003C84}"/>
              </a:ext>
            </a:extLst>
          </p:cNvPr>
          <p:cNvSpPr>
            <a:spLocks noGrp="1"/>
          </p:cNvSpPr>
          <p:nvPr>
            <p:ph sz="quarter" idx="19"/>
          </p:nvPr>
        </p:nvSpPr>
        <p:spPr bwMode="gray">
          <a:xfrm>
            <a:off x="263524" y="1844826"/>
            <a:ext cx="561551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2" name="Title 1">
            <a:extLst>
              <a:ext uri="{FF2B5EF4-FFF2-40B4-BE49-F238E27FC236}">
                <a16:creationId xmlns:a16="http://schemas.microsoft.com/office/drawing/2014/main" id="{AD1B31ED-E7F7-4220-8A41-FD0D2DB42296}"/>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1" name="TextBox 10">
            <a:extLst>
              <a:ext uri="{FF2B5EF4-FFF2-40B4-BE49-F238E27FC236}">
                <a16:creationId xmlns:a16="http://schemas.microsoft.com/office/drawing/2014/main" id="{BE8EF401-6305-46FB-917A-F935E5C554B2}"/>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00933298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mp; Content (2) &amp; Box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5" name="Picture Placeholder 3">
            <a:extLst>
              <a:ext uri="{FF2B5EF4-FFF2-40B4-BE49-F238E27FC236}">
                <a16:creationId xmlns:a16="http://schemas.microsoft.com/office/drawing/2014/main" id="{545FE617-D52B-476E-948B-310DEA38FD3E}"/>
              </a:ext>
            </a:extLst>
          </p:cNvPr>
          <p:cNvSpPr>
            <a:spLocks noGrp="1"/>
          </p:cNvSpPr>
          <p:nvPr>
            <p:ph type="pic" sz="quarter" idx="18"/>
          </p:nvPr>
        </p:nvSpPr>
        <p:spPr>
          <a:xfrm>
            <a:off x="6310313" y="1473607"/>
            <a:ext cx="5616575" cy="4187622"/>
          </a:xfrm>
          <a:noFill/>
        </p:spPr>
        <p:txBody>
          <a:bodyPr tIns="756000" anchor="ctr"/>
          <a:lstStyle>
            <a:lvl1pPr algn="ctr">
              <a:defRPr>
                <a:solidFill>
                  <a:schemeClr val="accent4"/>
                </a:solidFill>
              </a:defRPr>
            </a:lvl1pPr>
          </a:lstStyle>
          <a:p>
            <a:r>
              <a:rPr lang="en-US" dirty="0"/>
              <a:t>Click icon to add picture</a:t>
            </a:r>
          </a:p>
        </p:txBody>
      </p:sp>
      <p:sp>
        <p:nvSpPr>
          <p:cNvPr id="12" name="Text Placeholder 11">
            <a:extLst>
              <a:ext uri="{FF2B5EF4-FFF2-40B4-BE49-F238E27FC236}">
                <a16:creationId xmlns:a16="http://schemas.microsoft.com/office/drawing/2014/main" id="{08FD9A92-F0CB-4C7E-924C-849F9F88C97A}"/>
              </a:ext>
            </a:extLst>
          </p:cNvPr>
          <p:cNvSpPr>
            <a:spLocks noGrp="1"/>
          </p:cNvSpPr>
          <p:nvPr>
            <p:ph type="body" sz="quarter" idx="25"/>
          </p:nvPr>
        </p:nvSpPr>
        <p:spPr bwMode="gray">
          <a:xfrm>
            <a:off x="263524" y="1473607"/>
            <a:ext cx="561551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3" name="Content Placeholder 3">
            <a:extLst>
              <a:ext uri="{FF2B5EF4-FFF2-40B4-BE49-F238E27FC236}">
                <a16:creationId xmlns:a16="http://schemas.microsoft.com/office/drawing/2014/main" id="{18FC10F9-7B1A-4EE2-839B-96181B8B1B71}"/>
              </a:ext>
            </a:extLst>
          </p:cNvPr>
          <p:cNvSpPr>
            <a:spLocks noGrp="1"/>
          </p:cNvSpPr>
          <p:nvPr>
            <p:ph sz="quarter" idx="19"/>
          </p:nvPr>
        </p:nvSpPr>
        <p:spPr bwMode="gray">
          <a:xfrm>
            <a:off x="263524" y="1844826"/>
            <a:ext cx="56155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4" name="Text Placeholder 7">
            <a:extLst>
              <a:ext uri="{FF2B5EF4-FFF2-40B4-BE49-F238E27FC236}">
                <a16:creationId xmlns:a16="http://schemas.microsoft.com/office/drawing/2014/main" id="{472A5454-E304-485F-BED3-72DE598380D5}"/>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6" name="Title 1">
            <a:extLst>
              <a:ext uri="{FF2B5EF4-FFF2-40B4-BE49-F238E27FC236}">
                <a16:creationId xmlns:a16="http://schemas.microsoft.com/office/drawing/2014/main" id="{B7C40710-3A2B-42E1-9BDA-515066820A14}"/>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0" name="TextBox 9">
            <a:extLst>
              <a:ext uri="{FF2B5EF4-FFF2-40B4-BE49-F238E27FC236}">
                <a16:creationId xmlns:a16="http://schemas.microsoft.com/office/drawing/2014/main" id="{230E8545-8FA3-498E-8E1D-54E551CB2DD7}"/>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662081515"/>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2) &amp; Content (2) (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20" name="Text Placeholder 11">
            <a:extLst>
              <a:ext uri="{FF2B5EF4-FFF2-40B4-BE49-F238E27FC236}">
                <a16:creationId xmlns:a16="http://schemas.microsoft.com/office/drawing/2014/main" id="{A599E7F5-F415-4C65-8A99-EC0A5EE97939}"/>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1" name="Content Placeholder 3">
            <a:extLst>
              <a:ext uri="{FF2B5EF4-FFF2-40B4-BE49-F238E27FC236}">
                <a16:creationId xmlns:a16="http://schemas.microsoft.com/office/drawing/2014/main" id="{27E9E322-46EC-4812-B19E-68EF57BB65AB}"/>
              </a:ext>
            </a:extLst>
          </p:cNvPr>
          <p:cNvSpPr>
            <a:spLocks noGrp="1"/>
          </p:cNvSpPr>
          <p:nvPr>
            <p:ph sz="quarter" idx="19"/>
          </p:nvPr>
        </p:nvSpPr>
        <p:spPr bwMode="gray">
          <a:xfrm>
            <a:off x="263524" y="1844826"/>
            <a:ext cx="367117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4" name="Text Placeholder 11">
            <a:extLst>
              <a:ext uri="{FF2B5EF4-FFF2-40B4-BE49-F238E27FC236}">
                <a16:creationId xmlns:a16="http://schemas.microsoft.com/office/drawing/2014/main" id="{7AECB15B-5F0D-4632-BB23-2A56F9E9A20E}"/>
              </a:ext>
            </a:extLst>
          </p:cNvPr>
          <p:cNvSpPr>
            <a:spLocks noGrp="1"/>
          </p:cNvSpPr>
          <p:nvPr>
            <p:ph type="body" sz="quarter" idx="26"/>
          </p:nvPr>
        </p:nvSpPr>
        <p:spPr bwMode="gray">
          <a:xfrm>
            <a:off x="4366170" y="1473607"/>
            <a:ext cx="754569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5" name="Content Placeholder 3">
            <a:extLst>
              <a:ext uri="{FF2B5EF4-FFF2-40B4-BE49-F238E27FC236}">
                <a16:creationId xmlns:a16="http://schemas.microsoft.com/office/drawing/2014/main" id="{E9CCB12E-B98C-43F0-816E-4E115D505FDA}"/>
              </a:ext>
            </a:extLst>
          </p:cNvPr>
          <p:cNvSpPr>
            <a:spLocks noGrp="1"/>
          </p:cNvSpPr>
          <p:nvPr>
            <p:ph sz="quarter" idx="20"/>
          </p:nvPr>
        </p:nvSpPr>
        <p:spPr bwMode="gray">
          <a:xfrm>
            <a:off x="4365111" y="1844825"/>
            <a:ext cx="7560915" cy="450040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4" name="Picture Placeholder 24">
            <a:extLst>
              <a:ext uri="{FF2B5EF4-FFF2-40B4-BE49-F238E27FC236}">
                <a16:creationId xmlns:a16="http://schemas.microsoft.com/office/drawing/2014/main" id="{F9D3C576-FBDE-46B6-AA30-0C55A156B71C}"/>
              </a:ext>
            </a:extLst>
          </p:cNvPr>
          <p:cNvSpPr>
            <a:spLocks noGrp="1"/>
          </p:cNvSpPr>
          <p:nvPr>
            <p:ph type="pic" sz="quarter" idx="33" hasCustomPrompt="1"/>
          </p:nvPr>
        </p:nvSpPr>
        <p:spPr>
          <a:xfrm>
            <a:off x="264913" y="1361963"/>
            <a:ext cx="3672000" cy="28800"/>
          </a:xfrm>
          <a:solidFill>
            <a:schemeClr val="tx2"/>
          </a:solidFill>
          <a:ln>
            <a:noFill/>
          </a:ln>
        </p:spPr>
        <p:txBody>
          <a:bodyPr/>
          <a:lstStyle>
            <a:lvl1pPr>
              <a:defRPr sz="100"/>
            </a:lvl1pPr>
          </a:lstStyle>
          <a:p>
            <a:r>
              <a:rPr lang="en-US" dirty="0"/>
              <a:t>.</a:t>
            </a:r>
          </a:p>
        </p:txBody>
      </p:sp>
      <p:sp>
        <p:nvSpPr>
          <p:cNvPr id="15" name="Picture Placeholder 24">
            <a:extLst>
              <a:ext uri="{FF2B5EF4-FFF2-40B4-BE49-F238E27FC236}">
                <a16:creationId xmlns:a16="http://schemas.microsoft.com/office/drawing/2014/main" id="{2A6CD859-3AF2-4F5D-B600-9B09D76CDA84}"/>
              </a:ext>
            </a:extLst>
          </p:cNvPr>
          <p:cNvSpPr>
            <a:spLocks noGrp="1"/>
          </p:cNvSpPr>
          <p:nvPr>
            <p:ph type="pic" sz="quarter" idx="34" hasCustomPrompt="1"/>
          </p:nvPr>
        </p:nvSpPr>
        <p:spPr>
          <a:xfrm>
            <a:off x="4366172" y="1361963"/>
            <a:ext cx="7560000" cy="28800"/>
          </a:xfrm>
          <a:solidFill>
            <a:schemeClr val="tx1"/>
          </a:solidFill>
          <a:ln>
            <a:noFill/>
          </a:ln>
        </p:spPr>
        <p:txBody>
          <a:bodyPr/>
          <a:lstStyle>
            <a:lvl1pPr>
              <a:defRPr sz="100"/>
            </a:lvl1pPr>
          </a:lstStyle>
          <a:p>
            <a:r>
              <a:rPr lang="en-US" dirty="0"/>
              <a:t>.</a:t>
            </a:r>
          </a:p>
        </p:txBody>
      </p:sp>
      <p:sp>
        <p:nvSpPr>
          <p:cNvPr id="12" name="Title 1">
            <a:extLst>
              <a:ext uri="{FF2B5EF4-FFF2-40B4-BE49-F238E27FC236}">
                <a16:creationId xmlns:a16="http://schemas.microsoft.com/office/drawing/2014/main" id="{C9BC0EB3-0C96-4FAD-BB70-3339053B8995}"/>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3" name="TextBox 12">
            <a:extLst>
              <a:ext uri="{FF2B5EF4-FFF2-40B4-BE49-F238E27FC236}">
                <a16:creationId xmlns:a16="http://schemas.microsoft.com/office/drawing/2014/main" id="{E4B3E7E4-2BE6-4AB6-A8FC-7530D6CCE4B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69846808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2) &amp; Content (2) &amp; Box (v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3" name="Text Placeholder 11">
            <a:extLst>
              <a:ext uri="{FF2B5EF4-FFF2-40B4-BE49-F238E27FC236}">
                <a16:creationId xmlns:a16="http://schemas.microsoft.com/office/drawing/2014/main" id="{AD71F2CD-2ABA-47E7-80A2-CB4906495392}"/>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0" name="Content Placeholder 3">
            <a:extLst>
              <a:ext uri="{FF2B5EF4-FFF2-40B4-BE49-F238E27FC236}">
                <a16:creationId xmlns:a16="http://schemas.microsoft.com/office/drawing/2014/main" id="{12D8E76E-A1D6-4C7B-AC9A-D9C66C06AF94}"/>
              </a:ext>
            </a:extLst>
          </p:cNvPr>
          <p:cNvSpPr>
            <a:spLocks noGrp="1"/>
          </p:cNvSpPr>
          <p:nvPr>
            <p:ph sz="quarter" idx="19"/>
          </p:nvPr>
        </p:nvSpPr>
        <p:spPr bwMode="gray">
          <a:xfrm>
            <a:off x="263524" y="1844826"/>
            <a:ext cx="3671175" cy="375008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1" name="Text Placeholder 11">
            <a:extLst>
              <a:ext uri="{FF2B5EF4-FFF2-40B4-BE49-F238E27FC236}">
                <a16:creationId xmlns:a16="http://schemas.microsoft.com/office/drawing/2014/main" id="{0D895BA9-38D6-49B2-82EE-7B9807252862}"/>
              </a:ext>
            </a:extLst>
          </p:cNvPr>
          <p:cNvSpPr>
            <a:spLocks noGrp="1"/>
          </p:cNvSpPr>
          <p:nvPr>
            <p:ph type="body" sz="quarter" idx="26"/>
          </p:nvPr>
        </p:nvSpPr>
        <p:spPr bwMode="gray">
          <a:xfrm>
            <a:off x="4366170" y="1473607"/>
            <a:ext cx="754569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2" name="Content Placeholder 3">
            <a:extLst>
              <a:ext uri="{FF2B5EF4-FFF2-40B4-BE49-F238E27FC236}">
                <a16:creationId xmlns:a16="http://schemas.microsoft.com/office/drawing/2014/main" id="{6071C9E5-62CE-489F-BACC-9EE6ECE4F55F}"/>
              </a:ext>
            </a:extLst>
          </p:cNvPr>
          <p:cNvSpPr>
            <a:spLocks noGrp="1"/>
          </p:cNvSpPr>
          <p:nvPr>
            <p:ph sz="quarter" idx="20"/>
          </p:nvPr>
        </p:nvSpPr>
        <p:spPr bwMode="gray">
          <a:xfrm>
            <a:off x="4365111" y="1844826"/>
            <a:ext cx="7560915" cy="375007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9" name="Text Placeholder 7">
            <a:extLst>
              <a:ext uri="{FF2B5EF4-FFF2-40B4-BE49-F238E27FC236}">
                <a16:creationId xmlns:a16="http://schemas.microsoft.com/office/drawing/2014/main" id="{1BDAA8F4-93B7-40C6-881D-E92B143E296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5" name="Picture Placeholder 24">
            <a:extLst>
              <a:ext uri="{FF2B5EF4-FFF2-40B4-BE49-F238E27FC236}">
                <a16:creationId xmlns:a16="http://schemas.microsoft.com/office/drawing/2014/main" id="{75AAE91B-79B3-457D-9CD4-78C1F47A511E}"/>
              </a:ext>
            </a:extLst>
          </p:cNvPr>
          <p:cNvSpPr>
            <a:spLocks noGrp="1"/>
          </p:cNvSpPr>
          <p:nvPr>
            <p:ph type="pic" sz="quarter" idx="33" hasCustomPrompt="1"/>
          </p:nvPr>
        </p:nvSpPr>
        <p:spPr>
          <a:xfrm>
            <a:off x="264913" y="1361963"/>
            <a:ext cx="3672000" cy="28800"/>
          </a:xfrm>
          <a:solidFill>
            <a:schemeClr val="tx2"/>
          </a:solidFill>
          <a:ln>
            <a:noFill/>
          </a:ln>
        </p:spPr>
        <p:txBody>
          <a:bodyPr/>
          <a:lstStyle>
            <a:lvl1pPr>
              <a:defRPr sz="100"/>
            </a:lvl1pPr>
          </a:lstStyle>
          <a:p>
            <a:r>
              <a:rPr lang="en-US" dirty="0"/>
              <a:t>.</a:t>
            </a:r>
          </a:p>
        </p:txBody>
      </p:sp>
      <p:sp>
        <p:nvSpPr>
          <p:cNvPr id="16" name="Picture Placeholder 24">
            <a:extLst>
              <a:ext uri="{FF2B5EF4-FFF2-40B4-BE49-F238E27FC236}">
                <a16:creationId xmlns:a16="http://schemas.microsoft.com/office/drawing/2014/main" id="{B7A65987-557C-4F64-B8D5-BEF9A2400CB2}"/>
              </a:ext>
            </a:extLst>
          </p:cNvPr>
          <p:cNvSpPr>
            <a:spLocks noGrp="1"/>
          </p:cNvSpPr>
          <p:nvPr>
            <p:ph type="pic" sz="quarter" idx="34" hasCustomPrompt="1"/>
          </p:nvPr>
        </p:nvSpPr>
        <p:spPr>
          <a:xfrm>
            <a:off x="4366172" y="1361963"/>
            <a:ext cx="7560000" cy="28800"/>
          </a:xfrm>
          <a:solidFill>
            <a:schemeClr val="tx1"/>
          </a:solidFill>
          <a:ln>
            <a:noFill/>
          </a:ln>
        </p:spPr>
        <p:txBody>
          <a:bodyPr/>
          <a:lstStyle/>
          <a:p>
            <a:r>
              <a:rPr lang="en-US" dirty="0"/>
              <a:t>.</a:t>
            </a:r>
          </a:p>
        </p:txBody>
      </p:sp>
      <p:sp>
        <p:nvSpPr>
          <p:cNvPr id="17" name="Title 1">
            <a:extLst>
              <a:ext uri="{FF2B5EF4-FFF2-40B4-BE49-F238E27FC236}">
                <a16:creationId xmlns:a16="http://schemas.microsoft.com/office/drawing/2014/main" id="{3669DD4F-6CD1-4129-972D-E8E5288D56B1}"/>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4" name="TextBox 13">
            <a:extLst>
              <a:ext uri="{FF2B5EF4-FFF2-40B4-BE49-F238E27FC236}">
                <a16:creationId xmlns:a16="http://schemas.microsoft.com/office/drawing/2014/main" id="{6EA9B50B-2C45-451E-9A5E-708394E330AD}"/>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814998927"/>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mp; Content (2.2)">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4365625" y="1473607"/>
            <a:ext cx="7561263" cy="4871631"/>
          </a:xfrm>
          <a:noFill/>
        </p:spPr>
        <p:txBody>
          <a:bodyPr tIns="756000" anchor="ctr"/>
          <a:lstStyle>
            <a:lvl1pPr algn="ctr">
              <a:defRPr>
                <a:solidFill>
                  <a:schemeClr val="accent4"/>
                </a:solidFill>
              </a:defRPr>
            </a:lvl1pPr>
          </a:lstStyle>
          <a:p>
            <a:r>
              <a:rPr lang="en-US" dirty="0"/>
              <a:t>Click icon to add picture</a:t>
            </a:r>
          </a:p>
        </p:txBody>
      </p:sp>
      <p:sp>
        <p:nvSpPr>
          <p:cNvPr id="8" name="Text Placeholder 11">
            <a:extLst>
              <a:ext uri="{FF2B5EF4-FFF2-40B4-BE49-F238E27FC236}">
                <a16:creationId xmlns:a16="http://schemas.microsoft.com/office/drawing/2014/main" id="{12445A48-DFDC-4E09-8D6E-8099DA8B659E}"/>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9" name="Content Placeholder 3">
            <a:extLst>
              <a:ext uri="{FF2B5EF4-FFF2-40B4-BE49-F238E27FC236}">
                <a16:creationId xmlns:a16="http://schemas.microsoft.com/office/drawing/2014/main" id="{FCC96F22-1D0B-46E5-954A-AA05B097B747}"/>
              </a:ext>
            </a:extLst>
          </p:cNvPr>
          <p:cNvSpPr>
            <a:spLocks noGrp="1"/>
          </p:cNvSpPr>
          <p:nvPr>
            <p:ph sz="quarter" idx="19"/>
          </p:nvPr>
        </p:nvSpPr>
        <p:spPr bwMode="gray">
          <a:xfrm>
            <a:off x="263524" y="1844826"/>
            <a:ext cx="367117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2" name="Title 1">
            <a:extLst>
              <a:ext uri="{FF2B5EF4-FFF2-40B4-BE49-F238E27FC236}">
                <a16:creationId xmlns:a16="http://schemas.microsoft.com/office/drawing/2014/main" id="{57C3C68D-E277-49A8-834F-0D34C53437E6}"/>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1" name="TextBox 10">
            <a:extLst>
              <a:ext uri="{FF2B5EF4-FFF2-40B4-BE49-F238E27FC236}">
                <a16:creationId xmlns:a16="http://schemas.microsoft.com/office/drawing/2014/main" id="{48862181-B35D-4964-940E-27183DC6BD5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1436192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mp; Content (2.2)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3" name="Picture Placeholder 3">
            <a:extLst>
              <a:ext uri="{FF2B5EF4-FFF2-40B4-BE49-F238E27FC236}">
                <a16:creationId xmlns:a16="http://schemas.microsoft.com/office/drawing/2014/main" id="{0AEFB7B0-854C-45D4-A22F-879EC656594B}"/>
              </a:ext>
            </a:extLst>
          </p:cNvPr>
          <p:cNvSpPr>
            <a:spLocks noGrp="1"/>
          </p:cNvSpPr>
          <p:nvPr>
            <p:ph type="pic" sz="quarter" idx="18"/>
          </p:nvPr>
        </p:nvSpPr>
        <p:spPr>
          <a:xfrm>
            <a:off x="4365625" y="1473607"/>
            <a:ext cx="7561263" cy="4187634"/>
          </a:xfrm>
          <a:noFill/>
        </p:spPr>
        <p:txBody>
          <a:bodyPr tIns="756000" anchor="ctr"/>
          <a:lstStyle>
            <a:lvl1pPr algn="ctr">
              <a:defRPr>
                <a:solidFill>
                  <a:schemeClr val="accent4"/>
                </a:solidFill>
              </a:defRPr>
            </a:lvl1pPr>
          </a:lstStyle>
          <a:p>
            <a:r>
              <a:rPr lang="en-US" dirty="0"/>
              <a:t>Click icon to add picture</a:t>
            </a:r>
          </a:p>
        </p:txBody>
      </p:sp>
      <p:sp>
        <p:nvSpPr>
          <p:cNvPr id="10" name="Text Placeholder 11">
            <a:extLst>
              <a:ext uri="{FF2B5EF4-FFF2-40B4-BE49-F238E27FC236}">
                <a16:creationId xmlns:a16="http://schemas.microsoft.com/office/drawing/2014/main" id="{78A8AAB4-C8C7-488C-83C0-22CAE59FCCFF}"/>
              </a:ext>
            </a:extLst>
          </p:cNvPr>
          <p:cNvSpPr>
            <a:spLocks noGrp="1"/>
          </p:cNvSpPr>
          <p:nvPr>
            <p:ph type="body" sz="quarter" idx="25"/>
          </p:nvPr>
        </p:nvSpPr>
        <p:spPr bwMode="gray">
          <a:xfrm>
            <a:off x="263524" y="1473607"/>
            <a:ext cx="367117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tx2"/>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a:p>
            <a:pPr lvl="1"/>
            <a:endParaRPr lang="en-US" dirty="0"/>
          </a:p>
        </p:txBody>
      </p:sp>
      <p:sp>
        <p:nvSpPr>
          <p:cNvPr id="11" name="Content Placeholder 3">
            <a:extLst>
              <a:ext uri="{FF2B5EF4-FFF2-40B4-BE49-F238E27FC236}">
                <a16:creationId xmlns:a16="http://schemas.microsoft.com/office/drawing/2014/main" id="{FA58BBDD-2EE1-4C1F-AB47-C6391021C845}"/>
              </a:ext>
            </a:extLst>
          </p:cNvPr>
          <p:cNvSpPr>
            <a:spLocks noGrp="1"/>
          </p:cNvSpPr>
          <p:nvPr>
            <p:ph sz="quarter" idx="19"/>
          </p:nvPr>
        </p:nvSpPr>
        <p:spPr bwMode="gray">
          <a:xfrm>
            <a:off x="263524" y="1844826"/>
            <a:ext cx="3671175" cy="381641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Text Placeholder 7">
            <a:extLst>
              <a:ext uri="{FF2B5EF4-FFF2-40B4-BE49-F238E27FC236}">
                <a16:creationId xmlns:a16="http://schemas.microsoft.com/office/drawing/2014/main" id="{0D4FF23E-C363-4D06-8128-2E419B877AA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2" name="Title 1">
            <a:extLst>
              <a:ext uri="{FF2B5EF4-FFF2-40B4-BE49-F238E27FC236}">
                <a16:creationId xmlns:a16="http://schemas.microsoft.com/office/drawing/2014/main" id="{0BDFCA8A-B0DF-438D-A645-00DAEE4E934D}"/>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4" name="TextBox 13">
            <a:extLst>
              <a:ext uri="{FF2B5EF4-FFF2-40B4-BE49-F238E27FC236}">
                <a16:creationId xmlns:a16="http://schemas.microsoft.com/office/drawing/2014/main" id="{96929501-833C-4607-9B61-F41B9EB227BE}"/>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76697095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24" name="Text Placeholder 11">
            <a:extLst>
              <a:ext uri="{FF2B5EF4-FFF2-40B4-BE49-F238E27FC236}">
                <a16:creationId xmlns:a16="http://schemas.microsoft.com/office/drawing/2014/main" id="{7E0ABA0E-3031-4D04-A99C-3A2FFCD49CAE}"/>
              </a:ext>
            </a:extLst>
          </p:cNvPr>
          <p:cNvSpPr>
            <a:spLocks noGrp="1"/>
          </p:cNvSpPr>
          <p:nvPr>
            <p:ph type="body" sz="quarter" idx="21"/>
          </p:nvPr>
        </p:nvSpPr>
        <p:spPr bwMode="gray">
          <a:xfrm>
            <a:off x="263524"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4" name="Text Placeholder 11">
            <a:extLst>
              <a:ext uri="{FF2B5EF4-FFF2-40B4-BE49-F238E27FC236}">
                <a16:creationId xmlns:a16="http://schemas.microsoft.com/office/drawing/2014/main" id="{72865FF8-1BCA-4EA6-A89C-0D5083BCA735}"/>
              </a:ext>
            </a:extLst>
          </p:cNvPr>
          <p:cNvSpPr>
            <a:spLocks noGrp="1"/>
          </p:cNvSpPr>
          <p:nvPr>
            <p:ph type="body" sz="quarter" idx="23"/>
          </p:nvPr>
        </p:nvSpPr>
        <p:spPr bwMode="gray">
          <a:xfrm>
            <a:off x="4256387"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2" name="Text Placeholder 11">
            <a:extLst>
              <a:ext uri="{FF2B5EF4-FFF2-40B4-BE49-F238E27FC236}">
                <a16:creationId xmlns:a16="http://schemas.microsoft.com/office/drawing/2014/main" id="{F1C5E35E-D10A-42B4-960D-58E5BEC9E738}"/>
              </a:ext>
            </a:extLst>
          </p:cNvPr>
          <p:cNvSpPr>
            <a:spLocks noGrp="1"/>
          </p:cNvSpPr>
          <p:nvPr>
            <p:ph type="body" sz="quarter" idx="25"/>
          </p:nvPr>
        </p:nvSpPr>
        <p:spPr bwMode="gray">
          <a:xfrm>
            <a:off x="8249249"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4" name="Content Placeholder 3">
            <a:extLst>
              <a:ext uri="{FF2B5EF4-FFF2-40B4-BE49-F238E27FC236}">
                <a16:creationId xmlns:a16="http://schemas.microsoft.com/office/drawing/2014/main" id="{63E7E550-48D1-4848-89AD-7BC59C0A08AD}"/>
              </a:ext>
            </a:extLst>
          </p:cNvPr>
          <p:cNvSpPr>
            <a:spLocks noGrp="1"/>
          </p:cNvSpPr>
          <p:nvPr>
            <p:ph sz="quarter" idx="19"/>
          </p:nvPr>
        </p:nvSpPr>
        <p:spPr bwMode="gray">
          <a:xfrm>
            <a:off x="263524"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7" name="Content Placeholder 3">
            <a:extLst>
              <a:ext uri="{FF2B5EF4-FFF2-40B4-BE49-F238E27FC236}">
                <a16:creationId xmlns:a16="http://schemas.microsoft.com/office/drawing/2014/main" id="{8901D278-1232-4D46-9CDD-5343894C20FC}"/>
              </a:ext>
            </a:extLst>
          </p:cNvPr>
          <p:cNvSpPr>
            <a:spLocks noGrp="1"/>
          </p:cNvSpPr>
          <p:nvPr>
            <p:ph sz="quarter" idx="26"/>
          </p:nvPr>
        </p:nvSpPr>
        <p:spPr bwMode="gray">
          <a:xfrm>
            <a:off x="4256388"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8" name="Content Placeholder 3">
            <a:extLst>
              <a:ext uri="{FF2B5EF4-FFF2-40B4-BE49-F238E27FC236}">
                <a16:creationId xmlns:a16="http://schemas.microsoft.com/office/drawing/2014/main" id="{1F4A5F9D-DCF9-4BB5-9762-2EF3B04961F1}"/>
              </a:ext>
            </a:extLst>
          </p:cNvPr>
          <p:cNvSpPr>
            <a:spLocks noGrp="1"/>
          </p:cNvSpPr>
          <p:nvPr>
            <p:ph sz="quarter" idx="27"/>
          </p:nvPr>
        </p:nvSpPr>
        <p:spPr bwMode="gray">
          <a:xfrm>
            <a:off x="8249250" y="1844826"/>
            <a:ext cx="3672235"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 name="Picture Placeholder 24">
            <a:extLst>
              <a:ext uri="{FF2B5EF4-FFF2-40B4-BE49-F238E27FC236}">
                <a16:creationId xmlns:a16="http://schemas.microsoft.com/office/drawing/2014/main" id="{5303F152-28C2-4B33-A3F4-540FEA8708D3}"/>
              </a:ext>
            </a:extLst>
          </p:cNvPr>
          <p:cNvSpPr>
            <a:spLocks noGrp="1"/>
          </p:cNvSpPr>
          <p:nvPr>
            <p:ph type="pic" sz="quarter" idx="33" hasCustomPrompt="1"/>
          </p:nvPr>
        </p:nvSpPr>
        <p:spPr>
          <a:xfrm>
            <a:off x="264913" y="1361963"/>
            <a:ext cx="3672000" cy="28800"/>
          </a:xfrm>
          <a:solidFill>
            <a:schemeClr val="tx2"/>
          </a:solidFill>
          <a:ln>
            <a:noFill/>
          </a:ln>
        </p:spPr>
        <p:txBody>
          <a:bodyPr/>
          <a:lstStyle>
            <a:lvl1pPr>
              <a:defRPr sz="100"/>
            </a:lvl1pPr>
          </a:lstStyle>
          <a:p>
            <a:r>
              <a:rPr lang="en-US" dirty="0"/>
              <a:t>.</a:t>
            </a:r>
          </a:p>
        </p:txBody>
      </p:sp>
      <p:sp>
        <p:nvSpPr>
          <p:cNvPr id="18" name="Picture Placeholder 24">
            <a:extLst>
              <a:ext uri="{FF2B5EF4-FFF2-40B4-BE49-F238E27FC236}">
                <a16:creationId xmlns:a16="http://schemas.microsoft.com/office/drawing/2014/main" id="{22E4186C-EC01-4CE4-95EC-41517AE3997E}"/>
              </a:ext>
            </a:extLst>
          </p:cNvPr>
          <p:cNvSpPr>
            <a:spLocks noGrp="1"/>
          </p:cNvSpPr>
          <p:nvPr>
            <p:ph type="pic" sz="quarter" idx="34" hasCustomPrompt="1"/>
          </p:nvPr>
        </p:nvSpPr>
        <p:spPr>
          <a:xfrm>
            <a:off x="4256388" y="1361963"/>
            <a:ext cx="3672000" cy="28800"/>
          </a:xfrm>
          <a:solidFill>
            <a:schemeClr val="tx1"/>
          </a:solidFill>
          <a:ln>
            <a:noFill/>
          </a:ln>
        </p:spPr>
        <p:txBody>
          <a:bodyPr/>
          <a:lstStyle>
            <a:lvl1pPr>
              <a:defRPr sz="100"/>
            </a:lvl1pPr>
          </a:lstStyle>
          <a:p>
            <a:r>
              <a:rPr lang="en-US" dirty="0"/>
              <a:t>.</a:t>
            </a:r>
          </a:p>
        </p:txBody>
      </p:sp>
      <p:sp>
        <p:nvSpPr>
          <p:cNvPr id="22" name="Picture Placeholder 24">
            <a:extLst>
              <a:ext uri="{FF2B5EF4-FFF2-40B4-BE49-F238E27FC236}">
                <a16:creationId xmlns:a16="http://schemas.microsoft.com/office/drawing/2014/main" id="{8A1A0923-3351-42F4-A7E2-0C67B7FC7D01}"/>
              </a:ext>
            </a:extLst>
          </p:cNvPr>
          <p:cNvSpPr>
            <a:spLocks noGrp="1"/>
          </p:cNvSpPr>
          <p:nvPr>
            <p:ph type="pic" sz="quarter" idx="35" hasCustomPrompt="1"/>
          </p:nvPr>
        </p:nvSpPr>
        <p:spPr>
          <a:xfrm>
            <a:off x="8249486" y="1361963"/>
            <a:ext cx="3672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5F447530-1BB2-420E-A7A1-85F58824ACD1}"/>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5" name="TextBox 14">
            <a:extLst>
              <a:ext uri="{FF2B5EF4-FFF2-40B4-BE49-F238E27FC236}">
                <a16:creationId xmlns:a16="http://schemas.microsoft.com/office/drawing/2014/main" id="{E07E792D-68AC-4DF4-BC0D-24268577B0E0}"/>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15292065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03_Cover Slide 2">
    <p:spTree>
      <p:nvGrpSpPr>
        <p:cNvPr id="1" name=""/>
        <p:cNvGrpSpPr/>
        <p:nvPr/>
      </p:nvGrpSpPr>
      <p:grpSpPr>
        <a:xfrm>
          <a:off x="0" y="0"/>
          <a:ext cx="0" cy="0"/>
          <a:chOff x="0" y="0"/>
          <a:chExt cx="0" cy="0"/>
        </a:xfrm>
      </p:grpSpPr>
      <p:sp>
        <p:nvSpPr>
          <p:cNvPr id="56" name="Picture Placeholder 55">
            <a:extLst>
              <a:ext uri="{FF2B5EF4-FFF2-40B4-BE49-F238E27FC236}">
                <a16:creationId xmlns:a16="http://schemas.microsoft.com/office/drawing/2014/main" id="{F6E30BC1-8BFA-47DB-9F4D-44BD42630377}"/>
              </a:ext>
            </a:extLst>
          </p:cNvPr>
          <p:cNvSpPr>
            <a:spLocks noGrp="1"/>
          </p:cNvSpPr>
          <p:nvPr>
            <p:ph type="pic" sz="quarter" idx="13"/>
          </p:nvPr>
        </p:nvSpPr>
        <p:spPr>
          <a:xfrm>
            <a:off x="4" y="2"/>
            <a:ext cx="12191997" cy="4738687"/>
          </a:xfrm>
          <a:custGeom>
            <a:avLst/>
            <a:gdLst>
              <a:gd name="connsiteX0" fmla="*/ 11680484 w 12191997"/>
              <a:gd name="connsiteY0" fmla="*/ 528222 h 4738687"/>
              <a:gd name="connsiteX1" fmla="*/ 11680484 w 12191997"/>
              <a:gd name="connsiteY1" fmla="*/ 690067 h 4738687"/>
              <a:gd name="connsiteX2" fmla="*/ 11778340 w 12191997"/>
              <a:gd name="connsiteY2" fmla="*/ 690067 h 4738687"/>
              <a:gd name="connsiteX3" fmla="*/ 11778340 w 12191997"/>
              <a:gd name="connsiteY3" fmla="*/ 528222 h 4738687"/>
              <a:gd name="connsiteX4" fmla="*/ 11901903 w 12191997"/>
              <a:gd name="connsiteY4" fmla="*/ 528222 h 4738687"/>
              <a:gd name="connsiteX5" fmla="*/ 11788419 w 12191997"/>
              <a:gd name="connsiteY5" fmla="*/ 528562 h 4738687"/>
              <a:gd name="connsiteX6" fmla="*/ 11788419 w 12191997"/>
              <a:gd name="connsiteY6" fmla="*/ 690067 h 4738687"/>
              <a:gd name="connsiteX7" fmla="*/ 11808352 w 12191997"/>
              <a:gd name="connsiteY7" fmla="*/ 690067 h 4738687"/>
              <a:gd name="connsiteX8" fmla="*/ 11916615 w 12191997"/>
              <a:gd name="connsiteY8" fmla="*/ 591757 h 4738687"/>
              <a:gd name="connsiteX9" fmla="*/ 11916627 w 12191997"/>
              <a:gd name="connsiteY9" fmla="*/ 582133 h 4738687"/>
              <a:gd name="connsiteX10" fmla="*/ 11901903 w 12191997"/>
              <a:gd name="connsiteY10" fmla="*/ 528222 h 4738687"/>
              <a:gd name="connsiteX11" fmla="*/ 11100379 w 12191997"/>
              <a:gd name="connsiteY11" fmla="*/ 528222 h 4738687"/>
              <a:gd name="connsiteX12" fmla="*/ 11043071 w 12191997"/>
              <a:gd name="connsiteY12" fmla="*/ 690067 h 4738687"/>
              <a:gd name="connsiteX13" fmla="*/ 11127448 w 12191997"/>
              <a:gd name="connsiteY13" fmla="*/ 690067 h 4738687"/>
              <a:gd name="connsiteX14" fmla="*/ 11151005 w 12191997"/>
              <a:gd name="connsiteY14" fmla="*/ 622565 h 4738687"/>
              <a:gd name="connsiteX15" fmla="*/ 11205029 w 12191997"/>
              <a:gd name="connsiteY15" fmla="*/ 622565 h 4738687"/>
              <a:gd name="connsiteX16" fmla="*/ 11205029 w 12191997"/>
              <a:gd name="connsiteY16" fmla="*/ 528222 h 4738687"/>
              <a:gd name="connsiteX17" fmla="*/ 11215109 w 12191997"/>
              <a:gd name="connsiteY17" fmla="*/ 528222 h 4738687"/>
              <a:gd name="connsiteX18" fmla="*/ 11215109 w 12191997"/>
              <a:gd name="connsiteY18" fmla="*/ 622565 h 4738687"/>
              <a:gd name="connsiteX19" fmla="*/ 11269133 w 12191997"/>
              <a:gd name="connsiteY19" fmla="*/ 622565 h 4738687"/>
              <a:gd name="connsiteX20" fmla="*/ 11292690 w 12191997"/>
              <a:gd name="connsiteY20" fmla="*/ 690067 h 4738687"/>
              <a:gd name="connsiteX21" fmla="*/ 11376954 w 12191997"/>
              <a:gd name="connsiteY21" fmla="*/ 690067 h 4738687"/>
              <a:gd name="connsiteX22" fmla="*/ 11319759 w 12191997"/>
              <a:gd name="connsiteY22" fmla="*/ 528222 h 4738687"/>
              <a:gd name="connsiteX23" fmla="*/ 11625328 w 12191997"/>
              <a:gd name="connsiteY23" fmla="*/ 528222 h 4738687"/>
              <a:gd name="connsiteX24" fmla="*/ 11511957 w 12191997"/>
              <a:gd name="connsiteY24" fmla="*/ 528562 h 4738687"/>
              <a:gd name="connsiteX25" fmla="*/ 11511957 w 12191997"/>
              <a:gd name="connsiteY25" fmla="*/ 690067 h 4738687"/>
              <a:gd name="connsiteX26" fmla="*/ 11531777 w 12191997"/>
              <a:gd name="connsiteY26" fmla="*/ 690067 h 4738687"/>
              <a:gd name="connsiteX27" fmla="*/ 11640040 w 12191997"/>
              <a:gd name="connsiteY27" fmla="*/ 591757 h 4738687"/>
              <a:gd name="connsiteX28" fmla="*/ 11640052 w 12191997"/>
              <a:gd name="connsiteY28" fmla="*/ 582133 h 4738687"/>
              <a:gd name="connsiteX29" fmla="*/ 11625328 w 12191997"/>
              <a:gd name="connsiteY29" fmla="*/ 528222 h 4738687"/>
              <a:gd name="connsiteX30" fmla="*/ 11404023 w 12191997"/>
              <a:gd name="connsiteY30" fmla="*/ 528222 h 4738687"/>
              <a:gd name="connsiteX31" fmla="*/ 11404023 w 12191997"/>
              <a:gd name="connsiteY31" fmla="*/ 690067 h 4738687"/>
              <a:gd name="connsiteX32" fmla="*/ 11501878 w 12191997"/>
              <a:gd name="connsiteY32" fmla="*/ 690067 h 4738687"/>
              <a:gd name="connsiteX33" fmla="*/ 11501878 w 12191997"/>
              <a:gd name="connsiteY33" fmla="*/ 528222 h 4738687"/>
              <a:gd name="connsiteX34" fmla="*/ 9340585 w 12191997"/>
              <a:gd name="connsiteY34" fmla="*/ 417457 h 4738687"/>
              <a:gd name="connsiteX35" fmla="*/ 9399592 w 12191997"/>
              <a:gd name="connsiteY35" fmla="*/ 562539 h 4738687"/>
              <a:gd name="connsiteX36" fmla="*/ 9281465 w 12191997"/>
              <a:gd name="connsiteY36" fmla="*/ 562539 h 4738687"/>
              <a:gd name="connsiteX37" fmla="*/ 9340585 w 12191997"/>
              <a:gd name="connsiteY37" fmla="*/ 417683 h 4738687"/>
              <a:gd name="connsiteX38" fmla="*/ 9932921 w 12191997"/>
              <a:gd name="connsiteY38" fmla="*/ 362639 h 4738687"/>
              <a:gd name="connsiteX39" fmla="*/ 9932921 w 12191997"/>
              <a:gd name="connsiteY39" fmla="*/ 683612 h 4738687"/>
              <a:gd name="connsiteX40" fmla="*/ 10018883 w 12191997"/>
              <a:gd name="connsiteY40" fmla="*/ 683612 h 4738687"/>
              <a:gd name="connsiteX41" fmla="*/ 10018883 w 12191997"/>
              <a:gd name="connsiteY41" fmla="*/ 542606 h 4738687"/>
              <a:gd name="connsiteX42" fmla="*/ 10190808 w 12191997"/>
              <a:gd name="connsiteY42" fmla="*/ 542606 h 4738687"/>
              <a:gd name="connsiteX43" fmla="*/ 10190808 w 12191997"/>
              <a:gd name="connsiteY43" fmla="*/ 683612 h 4738687"/>
              <a:gd name="connsiteX44" fmla="*/ 10275525 w 12191997"/>
              <a:gd name="connsiteY44" fmla="*/ 683612 h 4738687"/>
              <a:gd name="connsiteX45" fmla="*/ 10275525 w 12191997"/>
              <a:gd name="connsiteY45" fmla="*/ 362639 h 4738687"/>
              <a:gd name="connsiteX46" fmla="*/ 10190808 w 12191997"/>
              <a:gd name="connsiteY46" fmla="*/ 362639 h 4738687"/>
              <a:gd name="connsiteX47" fmla="*/ 10190808 w 12191997"/>
              <a:gd name="connsiteY47" fmla="*/ 491527 h 4738687"/>
              <a:gd name="connsiteX48" fmla="*/ 10018883 w 12191997"/>
              <a:gd name="connsiteY48" fmla="*/ 491527 h 4738687"/>
              <a:gd name="connsiteX49" fmla="*/ 10018883 w 12191997"/>
              <a:gd name="connsiteY49" fmla="*/ 362639 h 4738687"/>
              <a:gd name="connsiteX50" fmla="*/ 8866376 w 12191997"/>
              <a:gd name="connsiteY50" fmla="*/ 362639 h 4738687"/>
              <a:gd name="connsiteX51" fmla="*/ 8866376 w 12191997"/>
              <a:gd name="connsiteY51" fmla="*/ 417683 h 4738687"/>
              <a:gd name="connsiteX52" fmla="*/ 8996396 w 12191997"/>
              <a:gd name="connsiteY52" fmla="*/ 417683 h 4738687"/>
              <a:gd name="connsiteX53" fmla="*/ 8996396 w 12191997"/>
              <a:gd name="connsiteY53" fmla="*/ 683612 h 4738687"/>
              <a:gd name="connsiteX54" fmla="*/ 9081225 w 12191997"/>
              <a:gd name="connsiteY54" fmla="*/ 683612 h 4738687"/>
              <a:gd name="connsiteX55" fmla="*/ 9081225 w 12191997"/>
              <a:gd name="connsiteY55" fmla="*/ 417683 h 4738687"/>
              <a:gd name="connsiteX56" fmla="*/ 9211585 w 12191997"/>
              <a:gd name="connsiteY56" fmla="*/ 417683 h 4738687"/>
              <a:gd name="connsiteX57" fmla="*/ 9211585 w 12191997"/>
              <a:gd name="connsiteY57" fmla="*/ 362639 h 4738687"/>
              <a:gd name="connsiteX58" fmla="*/ 9288147 w 12191997"/>
              <a:gd name="connsiteY58" fmla="*/ 362639 h 4738687"/>
              <a:gd name="connsiteX59" fmla="*/ 9137741 w 12191997"/>
              <a:gd name="connsiteY59" fmla="*/ 683612 h 4738687"/>
              <a:gd name="connsiteX60" fmla="*/ 9233104 w 12191997"/>
              <a:gd name="connsiteY60" fmla="*/ 683612 h 4738687"/>
              <a:gd name="connsiteX61" fmla="*/ 9259946 w 12191997"/>
              <a:gd name="connsiteY61" fmla="*/ 615657 h 4738687"/>
              <a:gd name="connsiteX62" fmla="*/ 9419752 w 12191997"/>
              <a:gd name="connsiteY62" fmla="*/ 615657 h 4738687"/>
              <a:gd name="connsiteX63" fmla="*/ 9447953 w 12191997"/>
              <a:gd name="connsiteY63" fmla="*/ 683612 h 4738687"/>
              <a:gd name="connsiteX64" fmla="*/ 9542070 w 12191997"/>
              <a:gd name="connsiteY64" fmla="*/ 683612 h 4738687"/>
              <a:gd name="connsiteX65" fmla="*/ 9391551 w 12191997"/>
              <a:gd name="connsiteY65" fmla="*/ 362639 h 4738687"/>
              <a:gd name="connsiteX66" fmla="*/ 10342687 w 12191997"/>
              <a:gd name="connsiteY66" fmla="*/ 362526 h 4738687"/>
              <a:gd name="connsiteX67" fmla="*/ 10342687 w 12191997"/>
              <a:gd name="connsiteY67" fmla="*/ 683612 h 4738687"/>
              <a:gd name="connsiteX68" fmla="*/ 10427290 w 12191997"/>
              <a:gd name="connsiteY68" fmla="*/ 683612 h 4738687"/>
              <a:gd name="connsiteX69" fmla="*/ 10427290 w 12191997"/>
              <a:gd name="connsiteY69" fmla="*/ 362526 h 4738687"/>
              <a:gd name="connsiteX70" fmla="*/ 8342446 w 12191997"/>
              <a:gd name="connsiteY70" fmla="*/ 362526 h 4738687"/>
              <a:gd name="connsiteX71" fmla="*/ 8342446 w 12191997"/>
              <a:gd name="connsiteY71" fmla="*/ 683612 h 4738687"/>
              <a:gd name="connsiteX72" fmla="*/ 8427049 w 12191997"/>
              <a:gd name="connsiteY72" fmla="*/ 683612 h 4738687"/>
              <a:gd name="connsiteX73" fmla="*/ 8427049 w 12191997"/>
              <a:gd name="connsiteY73" fmla="*/ 542606 h 4738687"/>
              <a:gd name="connsiteX74" fmla="*/ 8598974 w 12191997"/>
              <a:gd name="connsiteY74" fmla="*/ 542606 h 4738687"/>
              <a:gd name="connsiteX75" fmla="*/ 8598974 w 12191997"/>
              <a:gd name="connsiteY75" fmla="*/ 683612 h 4738687"/>
              <a:gd name="connsiteX76" fmla="*/ 8683691 w 12191997"/>
              <a:gd name="connsiteY76" fmla="*/ 683612 h 4738687"/>
              <a:gd name="connsiteX77" fmla="*/ 8683691 w 12191997"/>
              <a:gd name="connsiteY77" fmla="*/ 362526 h 4738687"/>
              <a:gd name="connsiteX78" fmla="*/ 8598974 w 12191997"/>
              <a:gd name="connsiteY78" fmla="*/ 362526 h 4738687"/>
              <a:gd name="connsiteX79" fmla="*/ 8598974 w 12191997"/>
              <a:gd name="connsiteY79" fmla="*/ 491527 h 4738687"/>
              <a:gd name="connsiteX80" fmla="*/ 8427049 w 12191997"/>
              <a:gd name="connsiteY80" fmla="*/ 491527 h 4738687"/>
              <a:gd name="connsiteX81" fmla="*/ 8427049 w 12191997"/>
              <a:gd name="connsiteY81" fmla="*/ 362526 h 4738687"/>
              <a:gd name="connsiteX82" fmla="*/ 8750853 w 12191997"/>
              <a:gd name="connsiteY82" fmla="*/ 362526 h 4738687"/>
              <a:gd name="connsiteX83" fmla="*/ 8750853 w 12191997"/>
              <a:gd name="connsiteY83" fmla="*/ 683612 h 4738687"/>
              <a:gd name="connsiteX84" fmla="*/ 8836815 w 12191997"/>
              <a:gd name="connsiteY84" fmla="*/ 683612 h 4738687"/>
              <a:gd name="connsiteX85" fmla="*/ 8836815 w 12191997"/>
              <a:gd name="connsiteY85" fmla="*/ 362526 h 4738687"/>
              <a:gd name="connsiteX86" fmla="*/ 11788419 w 12191997"/>
              <a:gd name="connsiteY86" fmla="*/ 356184 h 4738687"/>
              <a:gd name="connsiteX87" fmla="*/ 11788419 w 12191997"/>
              <a:gd name="connsiteY87" fmla="*/ 518029 h 4738687"/>
              <a:gd name="connsiteX88" fmla="*/ 11895109 w 12191997"/>
              <a:gd name="connsiteY88" fmla="*/ 518029 h 4738687"/>
              <a:gd name="connsiteX89" fmla="*/ 11855695 w 12191997"/>
              <a:gd name="connsiteY89" fmla="*/ 485184 h 4738687"/>
              <a:gd name="connsiteX90" fmla="*/ 11886275 w 12191997"/>
              <a:gd name="connsiteY90" fmla="*/ 426970 h 4738687"/>
              <a:gd name="connsiteX91" fmla="*/ 11808352 w 12191997"/>
              <a:gd name="connsiteY91" fmla="*/ 356184 h 4738687"/>
              <a:gd name="connsiteX92" fmla="*/ 11680484 w 12191997"/>
              <a:gd name="connsiteY92" fmla="*/ 356184 h 4738687"/>
              <a:gd name="connsiteX93" fmla="*/ 11680484 w 12191997"/>
              <a:gd name="connsiteY93" fmla="*/ 518029 h 4738687"/>
              <a:gd name="connsiteX94" fmla="*/ 11778340 w 12191997"/>
              <a:gd name="connsiteY94" fmla="*/ 518029 h 4738687"/>
              <a:gd name="connsiteX95" fmla="*/ 11778340 w 12191997"/>
              <a:gd name="connsiteY95" fmla="*/ 356184 h 4738687"/>
              <a:gd name="connsiteX96" fmla="*/ 11215109 w 12191997"/>
              <a:gd name="connsiteY96" fmla="*/ 356184 h 4738687"/>
              <a:gd name="connsiteX97" fmla="*/ 11215109 w 12191997"/>
              <a:gd name="connsiteY97" fmla="*/ 518029 h 4738687"/>
              <a:gd name="connsiteX98" fmla="*/ 11316136 w 12191997"/>
              <a:gd name="connsiteY98" fmla="*/ 518029 h 4738687"/>
              <a:gd name="connsiteX99" fmla="*/ 11258940 w 12191997"/>
              <a:gd name="connsiteY99" fmla="*/ 356184 h 4738687"/>
              <a:gd name="connsiteX100" fmla="*/ 11161200 w 12191997"/>
              <a:gd name="connsiteY100" fmla="*/ 356184 h 4738687"/>
              <a:gd name="connsiteX101" fmla="*/ 11103890 w 12191997"/>
              <a:gd name="connsiteY101" fmla="*/ 518029 h 4738687"/>
              <a:gd name="connsiteX102" fmla="*/ 11205030 w 12191997"/>
              <a:gd name="connsiteY102" fmla="*/ 518029 h 4738687"/>
              <a:gd name="connsiteX103" fmla="*/ 11205030 w 12191997"/>
              <a:gd name="connsiteY103" fmla="*/ 356184 h 4738687"/>
              <a:gd name="connsiteX104" fmla="*/ 11404023 w 12191997"/>
              <a:gd name="connsiteY104" fmla="*/ 356184 h 4738687"/>
              <a:gd name="connsiteX105" fmla="*/ 11404023 w 12191997"/>
              <a:gd name="connsiteY105" fmla="*/ 518029 h 4738687"/>
              <a:gd name="connsiteX106" fmla="*/ 11501878 w 12191997"/>
              <a:gd name="connsiteY106" fmla="*/ 518029 h 4738687"/>
              <a:gd name="connsiteX107" fmla="*/ 11501878 w 12191997"/>
              <a:gd name="connsiteY107" fmla="*/ 356184 h 4738687"/>
              <a:gd name="connsiteX108" fmla="*/ 11511957 w 12191997"/>
              <a:gd name="connsiteY108" fmla="*/ 355844 h 4738687"/>
              <a:gd name="connsiteX109" fmla="*/ 11511957 w 12191997"/>
              <a:gd name="connsiteY109" fmla="*/ 518029 h 4738687"/>
              <a:gd name="connsiteX110" fmla="*/ 11618533 w 12191997"/>
              <a:gd name="connsiteY110" fmla="*/ 518029 h 4738687"/>
              <a:gd name="connsiteX111" fmla="*/ 11579233 w 12191997"/>
              <a:gd name="connsiteY111" fmla="*/ 485184 h 4738687"/>
              <a:gd name="connsiteX112" fmla="*/ 11609699 w 12191997"/>
              <a:gd name="connsiteY112" fmla="*/ 426630 h 4738687"/>
              <a:gd name="connsiteX113" fmla="*/ 11531777 w 12191997"/>
              <a:gd name="connsiteY113" fmla="*/ 355844 h 4738687"/>
              <a:gd name="connsiteX114" fmla="*/ 9723643 w 12191997"/>
              <a:gd name="connsiteY114" fmla="*/ 355142 h 4738687"/>
              <a:gd name="connsiteX115" fmla="*/ 9622369 w 12191997"/>
              <a:gd name="connsiteY115" fmla="*/ 372606 h 4738687"/>
              <a:gd name="connsiteX116" fmla="*/ 9549884 w 12191997"/>
              <a:gd name="connsiteY116" fmla="*/ 432972 h 4738687"/>
              <a:gd name="connsiteX117" fmla="*/ 9527233 w 12191997"/>
              <a:gd name="connsiteY117" fmla="*/ 526976 h 4738687"/>
              <a:gd name="connsiteX118" fmla="*/ 9539352 w 12191997"/>
              <a:gd name="connsiteY118" fmla="*/ 594930 h 4738687"/>
              <a:gd name="connsiteX119" fmla="*/ 9538559 w 12191997"/>
              <a:gd name="connsiteY119" fmla="*/ 593911 h 4738687"/>
              <a:gd name="connsiteX120" fmla="*/ 9629844 w 12191997"/>
              <a:gd name="connsiteY120" fmla="*/ 677268 h 4738687"/>
              <a:gd name="connsiteX121" fmla="*/ 9715920 w 12191997"/>
              <a:gd name="connsiteY121" fmla="*/ 690633 h 4738687"/>
              <a:gd name="connsiteX122" fmla="*/ 9826006 w 12191997"/>
              <a:gd name="connsiteY122" fmla="*/ 667981 h 4738687"/>
              <a:gd name="connsiteX123" fmla="*/ 9885127 w 12191997"/>
              <a:gd name="connsiteY123" fmla="*/ 598101 h 4738687"/>
              <a:gd name="connsiteX124" fmla="*/ 9889204 w 12191997"/>
              <a:gd name="connsiteY124" fmla="*/ 567182 h 4738687"/>
              <a:gd name="connsiteX125" fmla="*/ 9798598 w 12191997"/>
              <a:gd name="connsiteY125" fmla="*/ 567182 h 4738687"/>
              <a:gd name="connsiteX126" fmla="*/ 9791916 w 12191997"/>
              <a:gd name="connsiteY126" fmla="*/ 601159 h 4738687"/>
              <a:gd name="connsiteX127" fmla="*/ 9754201 w 12191997"/>
              <a:gd name="connsiteY127" fmla="*/ 635136 h 4738687"/>
              <a:gd name="connsiteX128" fmla="*/ 9715354 w 12191997"/>
              <a:gd name="connsiteY128" fmla="*/ 641932 h 4738687"/>
              <a:gd name="connsiteX129" fmla="*/ 9670051 w 12191997"/>
              <a:gd name="connsiteY129" fmla="*/ 633777 h 4738687"/>
              <a:gd name="connsiteX130" fmla="*/ 9624748 w 12191997"/>
              <a:gd name="connsiteY130" fmla="*/ 582811 h 4738687"/>
              <a:gd name="connsiteX131" fmla="*/ 9616706 w 12191997"/>
              <a:gd name="connsiteY131" fmla="*/ 526183 h 4738687"/>
              <a:gd name="connsiteX132" fmla="*/ 9628032 w 12191997"/>
              <a:gd name="connsiteY132" fmla="*/ 459021 h 4738687"/>
              <a:gd name="connsiteX133" fmla="*/ 9675034 w 12191997"/>
              <a:gd name="connsiteY133" fmla="*/ 412019 h 4738687"/>
              <a:gd name="connsiteX134" fmla="*/ 9716713 w 12191997"/>
              <a:gd name="connsiteY134" fmla="*/ 403978 h 4738687"/>
              <a:gd name="connsiteX135" fmla="*/ 9754088 w 12191997"/>
              <a:gd name="connsiteY135" fmla="*/ 410207 h 4738687"/>
              <a:gd name="connsiteX136" fmla="*/ 9794294 w 12191997"/>
              <a:gd name="connsiteY136" fmla="*/ 447809 h 4738687"/>
              <a:gd name="connsiteX137" fmla="*/ 9798371 w 12191997"/>
              <a:gd name="connsiteY137" fmla="*/ 471932 h 4738687"/>
              <a:gd name="connsiteX138" fmla="*/ 9888411 w 12191997"/>
              <a:gd name="connsiteY138" fmla="*/ 471932 h 4738687"/>
              <a:gd name="connsiteX139" fmla="*/ 9884334 w 12191997"/>
              <a:gd name="connsiteY139" fmla="*/ 451773 h 4738687"/>
              <a:gd name="connsiteX140" fmla="*/ 9823854 w 12191997"/>
              <a:gd name="connsiteY140" fmla="*/ 377929 h 4738687"/>
              <a:gd name="connsiteX141" fmla="*/ 9723643 w 12191997"/>
              <a:gd name="connsiteY141" fmla="*/ 355142 h 4738687"/>
              <a:gd name="connsiteX142" fmla="*/ 0 w 12191997"/>
              <a:gd name="connsiteY142" fmla="*/ 0 h 4738687"/>
              <a:gd name="connsiteX143" fmla="*/ 12191997 w 12191997"/>
              <a:gd name="connsiteY143" fmla="*/ 0 h 4738687"/>
              <a:gd name="connsiteX144" fmla="*/ 12191997 w 12191997"/>
              <a:gd name="connsiteY144" fmla="*/ 4738687 h 4738687"/>
              <a:gd name="connsiteX145" fmla="*/ 0 w 12191997"/>
              <a:gd name="connsiteY145" fmla="*/ 4738687 h 4738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Lst>
            <a:rect l="l" t="t" r="r" b="b"/>
            <a:pathLst>
              <a:path w="12191997" h="4738687">
                <a:moveTo>
                  <a:pt x="11680484" y="528222"/>
                </a:moveTo>
                <a:lnTo>
                  <a:pt x="11680484" y="690067"/>
                </a:lnTo>
                <a:lnTo>
                  <a:pt x="11778340" y="690067"/>
                </a:lnTo>
                <a:lnTo>
                  <a:pt x="11778340" y="528222"/>
                </a:lnTo>
                <a:close/>
                <a:moveTo>
                  <a:pt x="11901903" y="528222"/>
                </a:moveTo>
                <a:lnTo>
                  <a:pt x="11788419" y="528562"/>
                </a:lnTo>
                <a:lnTo>
                  <a:pt x="11788419" y="690067"/>
                </a:lnTo>
                <a:lnTo>
                  <a:pt x="11808352" y="690067"/>
                </a:lnTo>
                <a:cubicBezTo>
                  <a:pt x="11865400" y="692814"/>
                  <a:pt x="11913863" y="648799"/>
                  <a:pt x="11916615" y="591757"/>
                </a:cubicBezTo>
                <a:cubicBezTo>
                  <a:pt x="11916762" y="588551"/>
                  <a:pt x="11916774" y="585339"/>
                  <a:pt x="11916627" y="582133"/>
                </a:cubicBezTo>
                <a:cubicBezTo>
                  <a:pt x="11916559" y="563178"/>
                  <a:pt x="11911485" y="544577"/>
                  <a:pt x="11901903" y="528222"/>
                </a:cubicBezTo>
                <a:close/>
                <a:moveTo>
                  <a:pt x="11100379" y="528222"/>
                </a:moveTo>
                <a:lnTo>
                  <a:pt x="11043071" y="690067"/>
                </a:lnTo>
                <a:lnTo>
                  <a:pt x="11127448" y="690067"/>
                </a:lnTo>
                <a:lnTo>
                  <a:pt x="11151005" y="622565"/>
                </a:lnTo>
                <a:lnTo>
                  <a:pt x="11205029" y="622565"/>
                </a:lnTo>
                <a:lnTo>
                  <a:pt x="11205029" y="528222"/>
                </a:lnTo>
                <a:close/>
                <a:moveTo>
                  <a:pt x="11215109" y="528222"/>
                </a:moveTo>
                <a:lnTo>
                  <a:pt x="11215109" y="622565"/>
                </a:lnTo>
                <a:lnTo>
                  <a:pt x="11269133" y="622565"/>
                </a:lnTo>
                <a:lnTo>
                  <a:pt x="11292690" y="690067"/>
                </a:lnTo>
                <a:lnTo>
                  <a:pt x="11376954" y="690067"/>
                </a:lnTo>
                <a:lnTo>
                  <a:pt x="11319759" y="528222"/>
                </a:lnTo>
                <a:close/>
                <a:moveTo>
                  <a:pt x="11625328" y="528222"/>
                </a:moveTo>
                <a:lnTo>
                  <a:pt x="11511957" y="528562"/>
                </a:lnTo>
                <a:lnTo>
                  <a:pt x="11511957" y="690067"/>
                </a:lnTo>
                <a:lnTo>
                  <a:pt x="11531777" y="690067"/>
                </a:lnTo>
                <a:cubicBezTo>
                  <a:pt x="11588825" y="692814"/>
                  <a:pt x="11637288" y="648799"/>
                  <a:pt x="11640040" y="591757"/>
                </a:cubicBezTo>
                <a:cubicBezTo>
                  <a:pt x="11640187" y="588551"/>
                  <a:pt x="11640199" y="585339"/>
                  <a:pt x="11640052" y="582133"/>
                </a:cubicBezTo>
                <a:cubicBezTo>
                  <a:pt x="11640040" y="563170"/>
                  <a:pt x="11634955" y="544556"/>
                  <a:pt x="11625328" y="528222"/>
                </a:cubicBezTo>
                <a:close/>
                <a:moveTo>
                  <a:pt x="11404023" y="528222"/>
                </a:moveTo>
                <a:lnTo>
                  <a:pt x="11404023" y="690067"/>
                </a:lnTo>
                <a:lnTo>
                  <a:pt x="11501878" y="690067"/>
                </a:lnTo>
                <a:lnTo>
                  <a:pt x="11501878" y="528222"/>
                </a:lnTo>
                <a:close/>
                <a:moveTo>
                  <a:pt x="9340585" y="417457"/>
                </a:moveTo>
                <a:lnTo>
                  <a:pt x="9399592" y="562539"/>
                </a:lnTo>
                <a:lnTo>
                  <a:pt x="9281465" y="562539"/>
                </a:lnTo>
                <a:lnTo>
                  <a:pt x="9340585" y="417683"/>
                </a:lnTo>
                <a:close/>
                <a:moveTo>
                  <a:pt x="9932921" y="362639"/>
                </a:moveTo>
                <a:cubicBezTo>
                  <a:pt x="9934280" y="362639"/>
                  <a:pt x="9932921" y="683612"/>
                  <a:pt x="9932921" y="683612"/>
                </a:cubicBezTo>
                <a:lnTo>
                  <a:pt x="10018883" y="683612"/>
                </a:lnTo>
                <a:lnTo>
                  <a:pt x="10018883" y="542606"/>
                </a:lnTo>
                <a:lnTo>
                  <a:pt x="10190808" y="542606"/>
                </a:lnTo>
                <a:lnTo>
                  <a:pt x="10190808" y="683612"/>
                </a:lnTo>
                <a:lnTo>
                  <a:pt x="10275525" y="683612"/>
                </a:lnTo>
                <a:lnTo>
                  <a:pt x="10275525" y="362639"/>
                </a:lnTo>
                <a:lnTo>
                  <a:pt x="10190808" y="362639"/>
                </a:lnTo>
                <a:cubicBezTo>
                  <a:pt x="10189449" y="362639"/>
                  <a:pt x="10190808" y="491527"/>
                  <a:pt x="10190808" y="491527"/>
                </a:cubicBezTo>
                <a:lnTo>
                  <a:pt x="10018883" y="491527"/>
                </a:lnTo>
                <a:lnTo>
                  <a:pt x="10018883" y="362639"/>
                </a:lnTo>
                <a:close/>
                <a:moveTo>
                  <a:pt x="8866376" y="362639"/>
                </a:moveTo>
                <a:lnTo>
                  <a:pt x="8866376" y="417683"/>
                </a:lnTo>
                <a:lnTo>
                  <a:pt x="8996396" y="417683"/>
                </a:lnTo>
                <a:lnTo>
                  <a:pt x="8996396" y="683612"/>
                </a:lnTo>
                <a:lnTo>
                  <a:pt x="9081225" y="683612"/>
                </a:lnTo>
                <a:lnTo>
                  <a:pt x="9081225" y="417683"/>
                </a:lnTo>
                <a:lnTo>
                  <a:pt x="9211585" y="417683"/>
                </a:lnTo>
                <a:lnTo>
                  <a:pt x="9211585" y="362639"/>
                </a:lnTo>
                <a:close/>
                <a:moveTo>
                  <a:pt x="9288147" y="362639"/>
                </a:moveTo>
                <a:lnTo>
                  <a:pt x="9137741" y="683612"/>
                </a:lnTo>
                <a:lnTo>
                  <a:pt x="9233104" y="683612"/>
                </a:lnTo>
                <a:lnTo>
                  <a:pt x="9259946" y="615657"/>
                </a:lnTo>
                <a:lnTo>
                  <a:pt x="9419752" y="615657"/>
                </a:lnTo>
                <a:lnTo>
                  <a:pt x="9447953" y="683612"/>
                </a:lnTo>
                <a:lnTo>
                  <a:pt x="9542070" y="683612"/>
                </a:lnTo>
                <a:lnTo>
                  <a:pt x="9391551" y="362639"/>
                </a:lnTo>
                <a:close/>
                <a:moveTo>
                  <a:pt x="10342687" y="362526"/>
                </a:moveTo>
                <a:lnTo>
                  <a:pt x="10342687" y="683612"/>
                </a:lnTo>
                <a:lnTo>
                  <a:pt x="10427290" y="683612"/>
                </a:lnTo>
                <a:lnTo>
                  <a:pt x="10427290" y="362526"/>
                </a:lnTo>
                <a:close/>
                <a:moveTo>
                  <a:pt x="8342446" y="362526"/>
                </a:moveTo>
                <a:lnTo>
                  <a:pt x="8342446" y="683612"/>
                </a:lnTo>
                <a:lnTo>
                  <a:pt x="8427049" y="683612"/>
                </a:lnTo>
                <a:lnTo>
                  <a:pt x="8427049" y="542606"/>
                </a:lnTo>
                <a:lnTo>
                  <a:pt x="8598974" y="542606"/>
                </a:lnTo>
                <a:lnTo>
                  <a:pt x="8598974" y="683612"/>
                </a:lnTo>
                <a:lnTo>
                  <a:pt x="8683691" y="683612"/>
                </a:lnTo>
                <a:lnTo>
                  <a:pt x="8683691" y="362526"/>
                </a:lnTo>
                <a:lnTo>
                  <a:pt x="8598974" y="362526"/>
                </a:lnTo>
                <a:lnTo>
                  <a:pt x="8598974" y="491527"/>
                </a:lnTo>
                <a:lnTo>
                  <a:pt x="8427049" y="491527"/>
                </a:lnTo>
                <a:lnTo>
                  <a:pt x="8427049" y="362526"/>
                </a:lnTo>
                <a:close/>
                <a:moveTo>
                  <a:pt x="8750853" y="362526"/>
                </a:moveTo>
                <a:lnTo>
                  <a:pt x="8750853" y="683612"/>
                </a:lnTo>
                <a:lnTo>
                  <a:pt x="8836815" y="683612"/>
                </a:lnTo>
                <a:lnTo>
                  <a:pt x="8836815" y="362526"/>
                </a:lnTo>
                <a:close/>
                <a:moveTo>
                  <a:pt x="11788419" y="356184"/>
                </a:moveTo>
                <a:lnTo>
                  <a:pt x="11788419" y="518029"/>
                </a:lnTo>
                <a:lnTo>
                  <a:pt x="11895109" y="518029"/>
                </a:lnTo>
                <a:cubicBezTo>
                  <a:pt x="11884814" y="504065"/>
                  <a:pt x="11871291" y="492797"/>
                  <a:pt x="11855695" y="485184"/>
                </a:cubicBezTo>
                <a:cubicBezTo>
                  <a:pt x="11874824" y="471978"/>
                  <a:pt x="11886263" y="450219"/>
                  <a:pt x="11886275" y="426970"/>
                </a:cubicBezTo>
                <a:cubicBezTo>
                  <a:pt x="11886275" y="386650"/>
                  <a:pt x="11858753" y="356184"/>
                  <a:pt x="11808352" y="356184"/>
                </a:cubicBezTo>
                <a:close/>
                <a:moveTo>
                  <a:pt x="11680484" y="356184"/>
                </a:moveTo>
                <a:lnTo>
                  <a:pt x="11680484" y="518029"/>
                </a:lnTo>
                <a:lnTo>
                  <a:pt x="11778340" y="518029"/>
                </a:lnTo>
                <a:lnTo>
                  <a:pt x="11778340" y="356184"/>
                </a:lnTo>
                <a:close/>
                <a:moveTo>
                  <a:pt x="11215109" y="356184"/>
                </a:moveTo>
                <a:lnTo>
                  <a:pt x="11215109" y="518029"/>
                </a:lnTo>
                <a:lnTo>
                  <a:pt x="11316136" y="518029"/>
                </a:lnTo>
                <a:lnTo>
                  <a:pt x="11258940" y="356184"/>
                </a:lnTo>
                <a:close/>
                <a:moveTo>
                  <a:pt x="11161200" y="356184"/>
                </a:moveTo>
                <a:lnTo>
                  <a:pt x="11103890" y="518029"/>
                </a:lnTo>
                <a:lnTo>
                  <a:pt x="11205030" y="518029"/>
                </a:lnTo>
                <a:lnTo>
                  <a:pt x="11205030" y="356184"/>
                </a:lnTo>
                <a:close/>
                <a:moveTo>
                  <a:pt x="11404023" y="356184"/>
                </a:moveTo>
                <a:lnTo>
                  <a:pt x="11404023" y="518029"/>
                </a:lnTo>
                <a:lnTo>
                  <a:pt x="11501878" y="518029"/>
                </a:lnTo>
                <a:lnTo>
                  <a:pt x="11501878" y="356184"/>
                </a:lnTo>
                <a:close/>
                <a:moveTo>
                  <a:pt x="11511957" y="355844"/>
                </a:moveTo>
                <a:lnTo>
                  <a:pt x="11511957" y="518029"/>
                </a:lnTo>
                <a:lnTo>
                  <a:pt x="11618533" y="518029"/>
                </a:lnTo>
                <a:cubicBezTo>
                  <a:pt x="11608250" y="504095"/>
                  <a:pt x="11594772" y="492831"/>
                  <a:pt x="11579233" y="485184"/>
                </a:cubicBezTo>
                <a:cubicBezTo>
                  <a:pt x="11598408" y="471872"/>
                  <a:pt x="11609801" y="449973"/>
                  <a:pt x="11609699" y="426630"/>
                </a:cubicBezTo>
                <a:cubicBezTo>
                  <a:pt x="11609699" y="386310"/>
                  <a:pt x="11582291" y="355844"/>
                  <a:pt x="11531777" y="355844"/>
                </a:cubicBezTo>
                <a:close/>
                <a:moveTo>
                  <a:pt x="9723643" y="355142"/>
                </a:moveTo>
                <a:cubicBezTo>
                  <a:pt x="9689392" y="354238"/>
                  <a:pt x="9654964" y="360041"/>
                  <a:pt x="9622369" y="372606"/>
                </a:cubicBezTo>
                <a:cubicBezTo>
                  <a:pt x="9592186" y="384144"/>
                  <a:pt x="9566692" y="405378"/>
                  <a:pt x="9549884" y="432972"/>
                </a:cubicBezTo>
                <a:cubicBezTo>
                  <a:pt x="9534210" y="461774"/>
                  <a:pt x="9526395" y="494195"/>
                  <a:pt x="9527233" y="526976"/>
                </a:cubicBezTo>
                <a:cubicBezTo>
                  <a:pt x="9527165" y="550171"/>
                  <a:pt x="9531276" y="573188"/>
                  <a:pt x="9539352" y="594930"/>
                </a:cubicBezTo>
                <a:lnTo>
                  <a:pt x="9538559" y="593911"/>
                </a:lnTo>
                <a:cubicBezTo>
                  <a:pt x="9552036" y="634230"/>
                  <a:pt x="9588279" y="663791"/>
                  <a:pt x="9629844" y="677268"/>
                </a:cubicBezTo>
                <a:cubicBezTo>
                  <a:pt x="9657751" y="685825"/>
                  <a:pt x="9686734" y="690326"/>
                  <a:pt x="9715920" y="690633"/>
                </a:cubicBezTo>
                <a:cubicBezTo>
                  <a:pt x="9753782" y="690751"/>
                  <a:pt x="9791270" y="683040"/>
                  <a:pt x="9826006" y="667981"/>
                </a:cubicBezTo>
                <a:cubicBezTo>
                  <a:pt x="9855544" y="655197"/>
                  <a:pt x="9877414" y="629348"/>
                  <a:pt x="9885127" y="598101"/>
                </a:cubicBezTo>
                <a:cubicBezTo>
                  <a:pt x="9887811" y="588015"/>
                  <a:pt x="9889181" y="577621"/>
                  <a:pt x="9889204" y="567182"/>
                </a:cubicBezTo>
                <a:lnTo>
                  <a:pt x="9798598" y="567182"/>
                </a:lnTo>
                <a:cubicBezTo>
                  <a:pt x="9799289" y="578891"/>
                  <a:pt x="9796990" y="590583"/>
                  <a:pt x="9791916" y="601159"/>
                </a:cubicBezTo>
                <a:cubicBezTo>
                  <a:pt x="9785143" y="617619"/>
                  <a:pt x="9771280" y="630117"/>
                  <a:pt x="9754201" y="635136"/>
                </a:cubicBezTo>
                <a:cubicBezTo>
                  <a:pt x="9741697" y="639480"/>
                  <a:pt x="9728582" y="641774"/>
                  <a:pt x="9715354" y="641932"/>
                </a:cubicBezTo>
                <a:cubicBezTo>
                  <a:pt x="9699951" y="641282"/>
                  <a:pt x="9684717" y="638539"/>
                  <a:pt x="9670051" y="633777"/>
                </a:cubicBezTo>
                <a:cubicBezTo>
                  <a:pt x="9648260" y="624183"/>
                  <a:pt x="9631724" y="605578"/>
                  <a:pt x="9624748" y="582811"/>
                </a:cubicBezTo>
                <a:cubicBezTo>
                  <a:pt x="9619459" y="564399"/>
                  <a:pt x="9616752" y="545340"/>
                  <a:pt x="9616706" y="526183"/>
                </a:cubicBezTo>
                <a:cubicBezTo>
                  <a:pt x="9616831" y="503331"/>
                  <a:pt x="9620648" y="480649"/>
                  <a:pt x="9628032" y="459021"/>
                </a:cubicBezTo>
                <a:cubicBezTo>
                  <a:pt x="9635473" y="436857"/>
                  <a:pt x="9652869" y="419460"/>
                  <a:pt x="9675034" y="412019"/>
                </a:cubicBezTo>
                <a:cubicBezTo>
                  <a:pt x="9688274" y="406660"/>
                  <a:pt x="9702431" y="403929"/>
                  <a:pt x="9716713" y="403978"/>
                </a:cubicBezTo>
                <a:cubicBezTo>
                  <a:pt x="9729364" y="404639"/>
                  <a:pt x="9741901" y="406729"/>
                  <a:pt x="9754088" y="410207"/>
                </a:cubicBezTo>
                <a:cubicBezTo>
                  <a:pt x="9772356" y="416237"/>
                  <a:pt x="9787057" y="429984"/>
                  <a:pt x="9794294" y="447809"/>
                </a:cubicBezTo>
                <a:cubicBezTo>
                  <a:pt x="9796967" y="455572"/>
                  <a:pt x="9798337" y="463722"/>
                  <a:pt x="9798371" y="471932"/>
                </a:cubicBezTo>
                <a:lnTo>
                  <a:pt x="9888411" y="471932"/>
                </a:lnTo>
                <a:lnTo>
                  <a:pt x="9884334" y="451773"/>
                </a:lnTo>
                <a:cubicBezTo>
                  <a:pt x="9877652" y="418657"/>
                  <a:pt x="9855000" y="391001"/>
                  <a:pt x="9823854" y="377929"/>
                </a:cubicBezTo>
                <a:cubicBezTo>
                  <a:pt x="9791967" y="363661"/>
                  <a:pt x="9757893" y="356047"/>
                  <a:pt x="9723643" y="355142"/>
                </a:cubicBezTo>
                <a:close/>
                <a:moveTo>
                  <a:pt x="0" y="0"/>
                </a:moveTo>
                <a:lnTo>
                  <a:pt x="12191997" y="0"/>
                </a:lnTo>
                <a:lnTo>
                  <a:pt x="12191997" y="4738687"/>
                </a:lnTo>
                <a:lnTo>
                  <a:pt x="0" y="4738687"/>
                </a:lnTo>
                <a:close/>
              </a:path>
            </a:pathLst>
          </a:custGeom>
          <a:noFill/>
        </p:spPr>
        <p:txBody>
          <a:bodyPr wrap="square" tIns="900000" anchor="ctr">
            <a:noAutofit/>
          </a:bodyPr>
          <a:lstStyle>
            <a:lvl1pPr algn="ctr">
              <a:defRPr sz="2000">
                <a:solidFill>
                  <a:schemeClr val="accent4"/>
                </a:solidFill>
              </a:defRPr>
            </a:lvl1pPr>
          </a:lstStyle>
          <a:p>
            <a:r>
              <a:rPr lang="en-US" dirty="0"/>
              <a:t>Click icon to add picture</a:t>
            </a:r>
          </a:p>
        </p:txBody>
      </p:sp>
      <p:grpSp>
        <p:nvGrpSpPr>
          <p:cNvPr id="16" name="グループ化 39">
            <a:extLst>
              <a:ext uri="{FF2B5EF4-FFF2-40B4-BE49-F238E27FC236}">
                <a16:creationId xmlns:a16="http://schemas.microsoft.com/office/drawing/2014/main" id="{6809A62B-C3B4-4040-AF1D-DC2BF3BDB821}"/>
              </a:ext>
            </a:extLst>
          </p:cNvPr>
          <p:cNvGrpSpPr/>
          <p:nvPr userDrawn="1"/>
        </p:nvGrpSpPr>
        <p:grpSpPr bwMode="gray">
          <a:xfrm>
            <a:off x="0" y="4739176"/>
            <a:ext cx="12192000" cy="129984"/>
            <a:chOff x="324487" y="2057426"/>
            <a:chExt cx="8495663" cy="97488"/>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8" name="グループ化 16">
              <a:extLst>
                <a:ext uri="{FF2B5EF4-FFF2-40B4-BE49-F238E27FC236}">
                  <a16:creationId xmlns:a16="http://schemas.microsoft.com/office/drawing/2014/main" id="{74096499-38D4-462C-8826-1DB8FC711C1A}"/>
                </a:ext>
              </a:extLst>
            </p:cNvPr>
            <p:cNvGrpSpPr/>
            <p:nvPr/>
          </p:nvGrpSpPr>
          <p:grpSpPr bwMode="gray">
            <a:xfrm>
              <a:off x="324487" y="2057426"/>
              <a:ext cx="1938812" cy="97488"/>
              <a:chOff x="312738" y="2747963"/>
              <a:chExt cx="1970087" cy="109537"/>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58" name="Graphic 57">
            <a:extLst>
              <a:ext uri="{FF2B5EF4-FFF2-40B4-BE49-F238E27FC236}">
                <a16:creationId xmlns:a16="http://schemas.microsoft.com/office/drawing/2014/main" id="{87CED3B0-7818-48A4-B9A0-D2FA09E0AF0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5" name="TextBox 14">
            <a:extLst>
              <a:ext uri="{FF2B5EF4-FFF2-40B4-BE49-F238E27FC236}">
                <a16:creationId xmlns:a16="http://schemas.microsoft.com/office/drawing/2014/main" id="{2C9385B2-CD2A-4812-9A01-A693DDBC15A1}"/>
              </a:ext>
            </a:extLst>
          </p:cNvPr>
          <p:cNvSpPr txBox="1"/>
          <p:nvPr userDrawn="1"/>
        </p:nvSpPr>
        <p:spPr>
          <a:xfrm>
            <a:off x="9390591" y="6398401"/>
            <a:ext cx="2166937" cy="247674"/>
          </a:xfrm>
          <a:prstGeom prst="rect">
            <a:avLst/>
          </a:prstGeom>
          <a:noFill/>
          <a:ln>
            <a:noFill/>
          </a:ln>
        </p:spPr>
        <p:txBody>
          <a:bodyPr wrap="square" lIns="0" tIns="0" rIns="0" bIns="0" rtlCol="0" anchor="ctr">
            <a:noAutofit/>
          </a:bodyPr>
          <a:lstStyle/>
          <a:p>
            <a:r>
              <a:rPr lang="en-US" sz="1170" b="1" dirty="0"/>
              <a:t>HITACHI ABB POWER GRIDS</a:t>
            </a:r>
          </a:p>
        </p:txBody>
      </p:sp>
      <p:sp>
        <p:nvSpPr>
          <p:cNvPr id="27" name="Footer Placeholder 4">
            <a:extLst>
              <a:ext uri="{FF2B5EF4-FFF2-40B4-BE49-F238E27FC236}">
                <a16:creationId xmlns:a16="http://schemas.microsoft.com/office/drawing/2014/main" id="{B7F2E0A4-3CB6-416D-ADC4-4C7496CC946B}"/>
              </a:ext>
            </a:extLst>
          </p:cNvPr>
          <p:cNvSpPr>
            <a:spLocks noGrp="1"/>
          </p:cNvSpPr>
          <p:nvPr>
            <p:ph type="ftr" sz="quarter" idx="11"/>
          </p:nvPr>
        </p:nvSpPr>
        <p:spPr>
          <a:xfrm>
            <a:off x="0" y="6858000"/>
            <a:ext cx="0" cy="0"/>
          </a:xfrm>
          <a:prstGeom prst="rect">
            <a:avLst/>
          </a:prstGeom>
        </p:spPr>
        <p:txBody>
          <a:bodyPr/>
          <a:lstStyle>
            <a:lvl1pPr>
              <a:defRPr>
                <a:solidFill>
                  <a:schemeClr val="bg1"/>
                </a:solidFill>
              </a:defRPr>
            </a:lvl1pPr>
          </a:lstStyle>
          <a:p>
            <a:endParaRPr lang="en-US" dirty="0"/>
          </a:p>
        </p:txBody>
      </p:sp>
      <p:sp>
        <p:nvSpPr>
          <p:cNvPr id="28" name="Slide Number Placeholder 5">
            <a:extLst>
              <a:ext uri="{FF2B5EF4-FFF2-40B4-BE49-F238E27FC236}">
                <a16:creationId xmlns:a16="http://schemas.microsoft.com/office/drawing/2014/main" id="{27C55999-B301-4D4D-A96E-5C9CA066ECE2}"/>
              </a:ext>
            </a:extLst>
          </p:cNvPr>
          <p:cNvSpPr>
            <a:spLocks noGrp="1"/>
          </p:cNvSpPr>
          <p:nvPr>
            <p:ph type="sldNum" sz="quarter" idx="12"/>
          </p:nvPr>
        </p:nvSpPr>
        <p:spPr>
          <a:xfrm>
            <a:off x="0" y="6858000"/>
            <a:ext cx="0" cy="0"/>
          </a:xfrm>
          <a:prstGeom prst="rect">
            <a:avLst/>
          </a:prstGeom>
        </p:spPr>
        <p:txBody>
          <a:bodyPr/>
          <a:lstStyle>
            <a:lvl1pPr>
              <a:defRPr>
                <a:solidFill>
                  <a:schemeClr val="bg1"/>
                </a:solidFill>
              </a:defRPr>
            </a:lvl1pPr>
          </a:lstStyle>
          <a:p>
            <a:fld id="{C24EC536-6FE3-4540-8D85-74C58F0BF697}" type="slidenum">
              <a:rPr lang="en-US" smtClean="0"/>
              <a:pPr/>
              <a:t>‹#›</a:t>
            </a:fld>
            <a:endParaRPr lang="en-US" dirty="0"/>
          </a:p>
        </p:txBody>
      </p:sp>
      <p:sp>
        <p:nvSpPr>
          <p:cNvPr id="3"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CC04AA69-D16D-4C3C-BBAC-042383626835}"/>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text"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E5411FA-3269-4512-B9BC-F1FEB3A5DF4B}"/>
              </a:ext>
            </a:extLst>
          </p:cNvPr>
          <p:cNvSpPr txBox="1"/>
          <p:nvPr userDrawn="1"/>
        </p:nvSpPr>
        <p:spPr bwMode="gray">
          <a:xfrm>
            <a:off x="1365279" y="6639725"/>
            <a:ext cx="3431478" cy="154949"/>
          </a:xfrm>
          <a:prstGeom prst="rect">
            <a:avLst/>
          </a:prstGeom>
          <a:noFill/>
          <a:ln>
            <a:noFill/>
          </a:ln>
        </p:spPr>
        <p:txBody>
          <a:bodyPr wrap="square" lIns="0" tIns="0" rIns="0" bIns="0" rtlCol="0" anchor="ctr">
            <a:noAutofit/>
          </a:bodyPr>
          <a:lstStyle/>
          <a:p>
            <a:pPr algn="l"/>
            <a:endParaRPr lang="pl-PL" sz="930" dirty="0">
              <a:solidFill>
                <a:schemeClr val="tx1"/>
              </a:solidFill>
            </a:endParaRPr>
          </a:p>
        </p:txBody>
      </p:sp>
      <p:sp>
        <p:nvSpPr>
          <p:cNvPr id="21" name="Text Box 13">
            <a:extLst>
              <a:ext uri="{FF2B5EF4-FFF2-40B4-BE49-F238E27FC236}">
                <a16:creationId xmlns:a16="http://schemas.microsoft.com/office/drawing/2014/main" id="{67B318E7-F505-43BC-847E-0E04446BD2EE}"/>
              </a:ext>
            </a:extLst>
          </p:cNvPr>
          <p:cNvSpPr txBox="1">
            <a:spLocks noChangeArrowheads="1"/>
          </p:cNvSpPr>
          <p:nvPr userDrawn="1"/>
        </p:nvSpPr>
        <p:spPr bwMode="gray">
          <a:xfrm>
            <a:off x="1372422" y="6438755"/>
            <a:ext cx="3424335" cy="261610"/>
          </a:xfrm>
          <a:prstGeom prst="rect">
            <a:avLst/>
          </a:prstGeom>
          <a:noFill/>
          <a:ln w="25400">
            <a:noFill/>
            <a:miter lim="800000"/>
            <a:headEnd/>
            <a:tailEnd/>
          </a:ln>
        </p:spPr>
        <p:txBody>
          <a:bodyPr wrap="none" lIns="0" tIns="0" rIns="0" bIns="0">
            <a:noAutofit/>
          </a:bodyPr>
          <a:lstStyle/>
          <a:p>
            <a:pPr algn="ctr">
              <a:spcBef>
                <a:spcPct val="50000"/>
              </a:spcBef>
              <a:defRPr/>
            </a:pPr>
            <a:r>
              <a:rPr kumimoji="0" lang="en-US" altLang="ja-JP" sz="1170" b="1" dirty="0">
                <a:solidFill>
                  <a:schemeClr val="tx1"/>
                </a:solidFill>
                <a:latin typeface="Arial" charset="0"/>
                <a:ea typeface="Arial" pitchFamily="34" charset="0"/>
              </a:rPr>
              <a:t>POWERING GOOD FOR SUSTAINABLE ENERGY</a:t>
            </a:r>
          </a:p>
        </p:txBody>
      </p:sp>
      <p:pic>
        <p:nvPicPr>
          <p:cNvPr id="11" name="Confidential" hidden="1">
            <a:extLst>
              <a:ext uri="{FF2B5EF4-FFF2-40B4-BE49-F238E27FC236}">
                <a16:creationId xmlns:a16="http://schemas.microsoft.com/office/drawing/2014/main" id="{661966F3-7AA1-4EF4-BA95-02DF53D7AA6E}"/>
              </a:ext>
            </a:extLst>
          </p:cNvPr>
          <p:cNvPicPr>
            <a:picLocks noChangeAspect="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277200" y="345600"/>
            <a:ext cx="1671890" cy="266400"/>
          </a:xfrm>
          <a:prstGeom prst="rect">
            <a:avLst/>
          </a:prstGeom>
        </p:spPr>
      </p:pic>
      <p:pic>
        <p:nvPicPr>
          <p:cNvPr id="12" name="Public" hidden="1">
            <a:extLst>
              <a:ext uri="{FF2B5EF4-FFF2-40B4-BE49-F238E27FC236}">
                <a16:creationId xmlns:a16="http://schemas.microsoft.com/office/drawing/2014/main" id="{FC73FBE7-E8DC-4480-8500-F5BA25F6A2CF}"/>
              </a:ext>
            </a:extLst>
          </p:cNvPr>
          <p:cNvPicPr>
            <a:picLocks noChangeAspect="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275718" y="345600"/>
            <a:ext cx="1671890" cy="266400"/>
          </a:xfrm>
          <a:prstGeom prst="rect">
            <a:avLst/>
          </a:prstGeom>
        </p:spPr>
      </p:pic>
      <p:pic>
        <p:nvPicPr>
          <p:cNvPr id="13" name="Internal">
            <a:extLst>
              <a:ext uri="{FF2B5EF4-FFF2-40B4-BE49-F238E27FC236}">
                <a16:creationId xmlns:a16="http://schemas.microsoft.com/office/drawing/2014/main" id="{2E032F33-734F-46C6-8307-54FF5447C0B3}"/>
              </a:ext>
            </a:extLst>
          </p:cNvPr>
          <p:cNvPicPr>
            <a:picLocks noChangeAspect="1"/>
          </p:cNvPicPr>
          <p:nvPr userDrawn="1"/>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275718" y="344152"/>
            <a:ext cx="1671890" cy="266400"/>
          </a:xfrm>
          <a:prstGeom prst="rect">
            <a:avLst/>
          </a:prstGeom>
        </p:spPr>
      </p:pic>
      <p:pic>
        <p:nvPicPr>
          <p:cNvPr id="14" name="Strictly" hidden="1">
            <a:extLst>
              <a:ext uri="{FF2B5EF4-FFF2-40B4-BE49-F238E27FC236}">
                <a16:creationId xmlns:a16="http://schemas.microsoft.com/office/drawing/2014/main" id="{4D95BBEA-FA4C-4CD5-95B2-87BE670FCBD3}"/>
              </a:ext>
            </a:extLst>
          </p:cNvPr>
          <p:cNvPicPr>
            <a:picLocks noChangeAspect="1"/>
          </p:cNvPicPr>
          <p:nvPr userDrawn="1"/>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277200" y="345600"/>
            <a:ext cx="1671890" cy="266400"/>
          </a:xfrm>
          <a:prstGeom prst="rect">
            <a:avLst/>
          </a:prstGeom>
        </p:spPr>
      </p:pic>
      <p:sp>
        <p:nvSpPr>
          <p:cNvPr id="22" name="Title 1" descr="{&#10; &quot;SkabelonDesign&quot;: {&#10; &quot;textualValue&quot;: &quot;&lt;key1/&gt;&quot;,&#10; &quot;bindingCollection&quot;: {&#10; &quot;key1&quot;: {&quot;SkabelonDesign&quot;:{&quot;type&quot;:&quot;Text&quot;,&quot;binding&quot;:&quot;Title&quot;}}&#10; }&#10; }&#10;}">
            <a:extLst>
              <a:ext uri="{FF2B5EF4-FFF2-40B4-BE49-F238E27FC236}">
                <a16:creationId xmlns:a16="http://schemas.microsoft.com/office/drawing/2014/main" id="{A7A4B478-8F8A-49B0-B32F-70D14984B52D}"/>
              </a:ext>
            </a:extLst>
          </p:cNvPr>
          <p:cNvSpPr txBox="1">
            <a:spLocks/>
          </p:cNvSpPr>
          <p:nvPr userDrawn="1"/>
        </p:nvSpPr>
        <p:spPr>
          <a:xfrm>
            <a:off x="1369197" y="5090003"/>
            <a:ext cx="10555200" cy="493200"/>
          </a:xfrm>
          <a:prstGeom prst="rect">
            <a:avLst/>
          </a:prstGeom>
          <a:noFill/>
        </p:spPr>
        <p:txBody>
          <a:bodyPr vert="horz" lIns="0" tIns="0" rIns="0" bIns="0" rtlCol="0" anchor="t">
            <a:noAutofit/>
          </a:bodyPr>
          <a:lstStyle>
            <a:lvl1pPr algn="l" defTabSz="914400" rtl="0" eaLnBrk="1" latinLnBrk="0" hangingPunct="1">
              <a:lnSpc>
                <a:spcPct val="100000"/>
              </a:lnSpc>
              <a:spcBef>
                <a:spcPct val="0"/>
              </a:spcBef>
              <a:buNone/>
              <a:defRPr sz="2800" b="1" kern="1200">
                <a:solidFill>
                  <a:schemeClr val="tx1"/>
                </a:solidFill>
                <a:latin typeface="+mj-lt"/>
                <a:ea typeface="+mj-ea"/>
                <a:cs typeface="+mj-cs"/>
              </a:defRPr>
            </a:lvl1pPr>
          </a:lstStyle>
          <a:p>
            <a:endParaRPr lang="en-US" dirty="0"/>
          </a:p>
        </p:txBody>
      </p:sp>
      <p:sp>
        <p:nvSpPr>
          <p:cNvPr id="23" name="Subtitle 2" descr="{&#10; &quot;SkabelonDesign&quot;: {&#10; &quot;textualValue&quot;: &quot;&lt;key1/&gt;&quot;,&#10; &quot;bindingCollection&quot;: {&#10; &quot;key1&quot;: {&quot;SkabelonDesign&quot;:{&quot;type&quot;:&quot;Text&quot;,&quot;binding&quot;:&quot;SupplementaryTitle&quot;}}&#10; }&#10; }&#10;}">
            <a:extLst>
              <a:ext uri="{FF2B5EF4-FFF2-40B4-BE49-F238E27FC236}">
                <a16:creationId xmlns:a16="http://schemas.microsoft.com/office/drawing/2014/main" id="{AB720C16-8127-442E-A0B4-FF0FFFE8FEEB}"/>
              </a:ext>
            </a:extLst>
          </p:cNvPr>
          <p:cNvSpPr txBox="1">
            <a:spLocks/>
          </p:cNvSpPr>
          <p:nvPr userDrawn="1"/>
        </p:nvSpPr>
        <p:spPr>
          <a:xfrm>
            <a:off x="1380029" y="5584253"/>
            <a:ext cx="10555200" cy="327600"/>
          </a:xfrm>
          <a:prstGeom prst="rect">
            <a:avLst/>
          </a:prstGeom>
          <a:noFill/>
        </p:spPr>
        <p:txBody>
          <a:bodyPr vert="horz" lIns="0" tIns="0" rIns="0" bIns="0" rtlCol="0" anchor="t">
            <a:noAutofit/>
          </a:bodyPr>
          <a:lstStyle>
            <a:lvl1pPr marL="0" indent="0" algn="l" defTabSz="914400" rtl="0" eaLnBrk="1" latinLnBrk="0" hangingPunct="1">
              <a:lnSpc>
                <a:spcPct val="100000"/>
              </a:lnSpc>
              <a:spcBef>
                <a:spcPts val="600"/>
              </a:spcBef>
              <a:buFont typeface="Arial" panose="020B0604020202020204" pitchFamily="34" charset="0"/>
              <a:buNone/>
              <a:defRPr sz="2000" kern="1200">
                <a:solidFill>
                  <a:schemeClr val="tx1"/>
                </a:solidFill>
                <a:latin typeface="Arial Nova Light" panose="020B0304020202020204" pitchFamily="34" charset="0"/>
                <a:ea typeface="+mn-ea"/>
                <a:cs typeface="+mn-cs"/>
              </a:defRPr>
            </a:lvl1pPr>
            <a:lvl2pPr marL="457200" indent="0" algn="ctr" defTabSz="914400" rtl="0" eaLnBrk="1" latinLnBrk="0" hangingPunct="1">
              <a:lnSpc>
                <a:spcPct val="100000"/>
              </a:lnSpc>
              <a:spcBef>
                <a:spcPts val="6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6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9pPr>
          </a:lstStyle>
          <a:p>
            <a:endParaRPr lang="en-US" dirty="0"/>
          </a:p>
        </p:txBody>
      </p:sp>
      <p:sp>
        <p:nvSpPr>
          <p:cNvPr id="24" name="Subtitle 2" descr="{&#10; &quot;SkabelonDesign&quot;: {&#10; &quot;textualValue&quot;: &quot;&lt;key1/&gt;&quot;,&#10; &quot;bindingCollection&quot;: {&#10; &quot;key1&quot;: {&quot;SkabelonDesign&quot;:{&quot;type&quot;:&quot;Text&quot;,&quot;binding&quot;:&quot;AdditionalInformation&quot;}}&#10; }&#10; }&#10;}">
            <a:extLst>
              <a:ext uri="{FF2B5EF4-FFF2-40B4-BE49-F238E27FC236}">
                <a16:creationId xmlns:a16="http://schemas.microsoft.com/office/drawing/2014/main" id="{95B8C626-5729-4D3A-AC05-8A0EB00C6B47}"/>
              </a:ext>
            </a:extLst>
          </p:cNvPr>
          <p:cNvSpPr txBox="1">
            <a:spLocks/>
          </p:cNvSpPr>
          <p:nvPr userDrawn="1"/>
        </p:nvSpPr>
        <p:spPr>
          <a:xfrm>
            <a:off x="1380031" y="5973442"/>
            <a:ext cx="10555200" cy="306000"/>
          </a:xfrm>
          <a:prstGeom prst="rect">
            <a:avLst/>
          </a:prstGeom>
          <a:noFill/>
        </p:spPr>
        <p:txBody>
          <a:bodyPr vert="horz" lIns="0" tIns="0" rIns="0" bIns="0" rtlCol="0" anchor="t">
            <a:noAutofit/>
          </a:bodyPr>
          <a:lstStyle>
            <a:lvl1pPr marL="0" indent="0" algn="l" defTabSz="914400" rtl="0" eaLnBrk="1" latinLnBrk="0" hangingPunct="1">
              <a:lnSpc>
                <a:spcPct val="100000"/>
              </a:lnSpc>
              <a:spcBef>
                <a:spcPts val="600"/>
              </a:spcBef>
              <a:buFont typeface="Arial" panose="020B0604020202020204" pitchFamily="34" charset="0"/>
              <a:buNone/>
              <a:defRPr sz="2000" kern="1200">
                <a:solidFill>
                  <a:schemeClr val="tx1"/>
                </a:solidFill>
                <a:latin typeface="Arial Nova Light" panose="020B0304020202020204" pitchFamily="34" charset="0"/>
                <a:ea typeface="+mn-ea"/>
                <a:cs typeface="+mn-cs"/>
              </a:defRPr>
            </a:lvl1pPr>
            <a:lvl2pPr marL="457200" indent="0" algn="ctr" defTabSz="914400" rtl="0" eaLnBrk="1" latinLnBrk="0" hangingPunct="1">
              <a:lnSpc>
                <a:spcPct val="100000"/>
              </a:lnSpc>
              <a:spcBef>
                <a:spcPts val="6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6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9pPr>
          </a:lstStyle>
          <a:p>
            <a:endParaRPr lang="en-US" sz="1400" dirty="0"/>
          </a:p>
        </p:txBody>
      </p:sp>
    </p:spTree>
    <p:extLst>
      <p:ext uri="{BB962C8B-B14F-4D97-AF65-F5344CB8AC3E}">
        <p14:creationId xmlns:p14="http://schemas.microsoft.com/office/powerpoint/2010/main" val="770448575"/>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3)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29" name="Text Placeholder 11">
            <a:extLst>
              <a:ext uri="{FF2B5EF4-FFF2-40B4-BE49-F238E27FC236}">
                <a16:creationId xmlns:a16="http://schemas.microsoft.com/office/drawing/2014/main" id="{CDA80729-DBFE-418B-9D52-CF6041D6EDC0}"/>
              </a:ext>
            </a:extLst>
          </p:cNvPr>
          <p:cNvSpPr>
            <a:spLocks noGrp="1"/>
          </p:cNvSpPr>
          <p:nvPr>
            <p:ph type="body" sz="quarter" idx="21"/>
          </p:nvPr>
        </p:nvSpPr>
        <p:spPr bwMode="gray">
          <a:xfrm>
            <a:off x="263524"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1" name="Text Placeholder 11">
            <a:extLst>
              <a:ext uri="{FF2B5EF4-FFF2-40B4-BE49-F238E27FC236}">
                <a16:creationId xmlns:a16="http://schemas.microsoft.com/office/drawing/2014/main" id="{57E98820-E129-4E41-8580-1A0D210E0A27}"/>
              </a:ext>
            </a:extLst>
          </p:cNvPr>
          <p:cNvSpPr>
            <a:spLocks noGrp="1"/>
          </p:cNvSpPr>
          <p:nvPr>
            <p:ph type="body" sz="quarter" idx="23"/>
          </p:nvPr>
        </p:nvSpPr>
        <p:spPr bwMode="gray">
          <a:xfrm>
            <a:off x="4256387"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3" name="Text Placeholder 11">
            <a:extLst>
              <a:ext uri="{FF2B5EF4-FFF2-40B4-BE49-F238E27FC236}">
                <a16:creationId xmlns:a16="http://schemas.microsoft.com/office/drawing/2014/main" id="{FCF04A61-9D23-473E-B05F-E1C2B3AB85FE}"/>
              </a:ext>
            </a:extLst>
          </p:cNvPr>
          <p:cNvSpPr>
            <a:spLocks noGrp="1"/>
          </p:cNvSpPr>
          <p:nvPr>
            <p:ph type="body" sz="quarter" idx="25"/>
          </p:nvPr>
        </p:nvSpPr>
        <p:spPr bwMode="gray">
          <a:xfrm>
            <a:off x="8249249" y="1473607"/>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4" name="Content Placeholder 3">
            <a:extLst>
              <a:ext uri="{FF2B5EF4-FFF2-40B4-BE49-F238E27FC236}">
                <a16:creationId xmlns:a16="http://schemas.microsoft.com/office/drawing/2014/main" id="{2FF70659-3D12-4399-BD53-03E120732342}"/>
              </a:ext>
            </a:extLst>
          </p:cNvPr>
          <p:cNvSpPr>
            <a:spLocks noGrp="1"/>
          </p:cNvSpPr>
          <p:nvPr>
            <p:ph sz="quarter" idx="26"/>
          </p:nvPr>
        </p:nvSpPr>
        <p:spPr bwMode="gray">
          <a:xfrm>
            <a:off x="4256388"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5" name="Content Placeholder 3">
            <a:extLst>
              <a:ext uri="{FF2B5EF4-FFF2-40B4-BE49-F238E27FC236}">
                <a16:creationId xmlns:a16="http://schemas.microsoft.com/office/drawing/2014/main" id="{D980C96F-688C-4820-9207-E738CE6AFDCD}"/>
              </a:ext>
            </a:extLst>
          </p:cNvPr>
          <p:cNvSpPr>
            <a:spLocks noGrp="1"/>
          </p:cNvSpPr>
          <p:nvPr>
            <p:ph sz="quarter" idx="27"/>
          </p:nvPr>
        </p:nvSpPr>
        <p:spPr bwMode="gray">
          <a:xfrm>
            <a:off x="8249250"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6" name="Content Placeholder 3">
            <a:extLst>
              <a:ext uri="{FF2B5EF4-FFF2-40B4-BE49-F238E27FC236}">
                <a16:creationId xmlns:a16="http://schemas.microsoft.com/office/drawing/2014/main" id="{054D3D82-4D02-426D-A4D3-ED7B4DB18F00}"/>
              </a:ext>
            </a:extLst>
          </p:cNvPr>
          <p:cNvSpPr>
            <a:spLocks noGrp="1"/>
          </p:cNvSpPr>
          <p:nvPr>
            <p:ph sz="quarter" idx="19"/>
          </p:nvPr>
        </p:nvSpPr>
        <p:spPr bwMode="gray">
          <a:xfrm>
            <a:off x="263524" y="1844826"/>
            <a:ext cx="3672235" cy="381642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Text Placeholder 7">
            <a:extLst>
              <a:ext uri="{FF2B5EF4-FFF2-40B4-BE49-F238E27FC236}">
                <a16:creationId xmlns:a16="http://schemas.microsoft.com/office/drawing/2014/main" id="{FD79CCB4-AEE2-44DB-95E4-B439552C0F88}"/>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20" name="Picture Placeholder 24">
            <a:extLst>
              <a:ext uri="{FF2B5EF4-FFF2-40B4-BE49-F238E27FC236}">
                <a16:creationId xmlns:a16="http://schemas.microsoft.com/office/drawing/2014/main" id="{7DBFF71D-6E5A-4E22-A71E-F124F677DB39}"/>
              </a:ext>
            </a:extLst>
          </p:cNvPr>
          <p:cNvSpPr>
            <a:spLocks noGrp="1"/>
          </p:cNvSpPr>
          <p:nvPr>
            <p:ph type="pic" sz="quarter" idx="33" hasCustomPrompt="1"/>
          </p:nvPr>
        </p:nvSpPr>
        <p:spPr>
          <a:xfrm>
            <a:off x="264913" y="1361963"/>
            <a:ext cx="3672000" cy="28800"/>
          </a:xfrm>
          <a:solidFill>
            <a:schemeClr val="tx2"/>
          </a:solidFill>
          <a:ln>
            <a:noFill/>
          </a:ln>
        </p:spPr>
        <p:txBody>
          <a:bodyPr/>
          <a:lstStyle/>
          <a:p>
            <a:r>
              <a:rPr lang="en-US" dirty="0"/>
              <a:t>.</a:t>
            </a:r>
          </a:p>
        </p:txBody>
      </p:sp>
      <p:sp>
        <p:nvSpPr>
          <p:cNvPr id="21" name="Picture Placeholder 24">
            <a:extLst>
              <a:ext uri="{FF2B5EF4-FFF2-40B4-BE49-F238E27FC236}">
                <a16:creationId xmlns:a16="http://schemas.microsoft.com/office/drawing/2014/main" id="{622D4D59-27F3-4DDC-8FC5-C4ECD1D442DA}"/>
              </a:ext>
            </a:extLst>
          </p:cNvPr>
          <p:cNvSpPr>
            <a:spLocks noGrp="1"/>
          </p:cNvSpPr>
          <p:nvPr>
            <p:ph type="pic" sz="quarter" idx="34" hasCustomPrompt="1"/>
          </p:nvPr>
        </p:nvSpPr>
        <p:spPr>
          <a:xfrm>
            <a:off x="4256388" y="1361963"/>
            <a:ext cx="3672000" cy="28800"/>
          </a:xfrm>
          <a:solidFill>
            <a:schemeClr val="tx1"/>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DBC494C6-3B8F-4224-92F7-613D6D61555B}"/>
              </a:ext>
            </a:extLst>
          </p:cNvPr>
          <p:cNvSpPr>
            <a:spLocks noGrp="1"/>
          </p:cNvSpPr>
          <p:nvPr>
            <p:ph type="pic" sz="quarter" idx="35" hasCustomPrompt="1"/>
          </p:nvPr>
        </p:nvSpPr>
        <p:spPr>
          <a:xfrm>
            <a:off x="8249486" y="1361963"/>
            <a:ext cx="3672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A777474D-3C2D-44B6-91A4-4BD1D8ED9D18}"/>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6" name="TextBox 15">
            <a:extLst>
              <a:ext uri="{FF2B5EF4-FFF2-40B4-BE49-F238E27FC236}">
                <a16:creationId xmlns:a16="http://schemas.microsoft.com/office/drawing/2014/main" id="{C5BE8BBD-8DA8-45AA-995A-9F149E50C0BC}"/>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2724418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4" name="Picture Placeholder 3">
            <a:extLst>
              <a:ext uri="{FF2B5EF4-FFF2-40B4-BE49-F238E27FC236}">
                <a16:creationId xmlns:a16="http://schemas.microsoft.com/office/drawing/2014/main" id="{915F9CBB-E821-4E2F-A816-2A6B3BD027DC}"/>
              </a:ext>
            </a:extLst>
          </p:cNvPr>
          <p:cNvSpPr>
            <a:spLocks noGrp="1"/>
          </p:cNvSpPr>
          <p:nvPr>
            <p:ph type="pic" sz="quarter" idx="19"/>
          </p:nvPr>
        </p:nvSpPr>
        <p:spPr>
          <a:xfrm>
            <a:off x="263525" y="1125538"/>
            <a:ext cx="3672234" cy="4607718"/>
          </a:xfrm>
          <a:noFill/>
        </p:spPr>
        <p:txBody>
          <a:bodyPr tIns="684000" anchor="ctr"/>
          <a:lstStyle>
            <a:lvl1pPr algn="ctr">
              <a:defRPr>
                <a:solidFill>
                  <a:schemeClr val="accent4"/>
                </a:solidFill>
              </a:defRPr>
            </a:lvl1pPr>
          </a:lstStyle>
          <a:p>
            <a:r>
              <a:rPr lang="en-US" dirty="0"/>
              <a:t>Click icon to add picture</a:t>
            </a:r>
          </a:p>
        </p:txBody>
      </p:sp>
      <p:sp>
        <p:nvSpPr>
          <p:cNvPr id="16" name="Picture Placeholder 3">
            <a:extLst>
              <a:ext uri="{FF2B5EF4-FFF2-40B4-BE49-F238E27FC236}">
                <a16:creationId xmlns:a16="http://schemas.microsoft.com/office/drawing/2014/main" id="{54879FBB-2471-4EEA-96E3-1852E4522488}"/>
              </a:ext>
            </a:extLst>
          </p:cNvPr>
          <p:cNvSpPr>
            <a:spLocks noGrp="1"/>
          </p:cNvSpPr>
          <p:nvPr>
            <p:ph type="pic" sz="quarter" idx="20"/>
          </p:nvPr>
        </p:nvSpPr>
        <p:spPr>
          <a:xfrm>
            <a:off x="4256389" y="1125538"/>
            <a:ext cx="3672234" cy="4607718"/>
          </a:xfrm>
          <a:noFill/>
        </p:spPr>
        <p:txBody>
          <a:bodyPr tIns="684000" anchor="ctr"/>
          <a:lstStyle>
            <a:lvl1pPr algn="ctr">
              <a:defRPr>
                <a:solidFill>
                  <a:schemeClr val="accent4"/>
                </a:solidFill>
              </a:defRPr>
            </a:lvl1pPr>
          </a:lstStyle>
          <a:p>
            <a:r>
              <a:rPr lang="en-US" dirty="0"/>
              <a:t>Click icon to add picture</a:t>
            </a:r>
          </a:p>
        </p:txBody>
      </p:sp>
      <p:sp>
        <p:nvSpPr>
          <p:cNvPr id="17" name="Picture Placeholder 3">
            <a:extLst>
              <a:ext uri="{FF2B5EF4-FFF2-40B4-BE49-F238E27FC236}">
                <a16:creationId xmlns:a16="http://schemas.microsoft.com/office/drawing/2014/main" id="{C8A19E55-5FD1-41A7-9330-CBE422A2F983}"/>
              </a:ext>
            </a:extLst>
          </p:cNvPr>
          <p:cNvSpPr>
            <a:spLocks noGrp="1"/>
          </p:cNvSpPr>
          <p:nvPr>
            <p:ph type="pic" sz="quarter" idx="21"/>
          </p:nvPr>
        </p:nvSpPr>
        <p:spPr>
          <a:xfrm>
            <a:off x="8249252" y="1125538"/>
            <a:ext cx="3672234" cy="4607718"/>
          </a:xfrm>
          <a:noFill/>
        </p:spPr>
        <p:txBody>
          <a:bodyPr tIns="684000" anchor="ctr"/>
          <a:lstStyle>
            <a:lvl1pPr algn="ctr">
              <a:defRPr>
                <a:solidFill>
                  <a:schemeClr val="accent4"/>
                </a:solidFill>
              </a:defRPr>
            </a:lvl1pPr>
          </a:lstStyle>
          <a:p>
            <a:r>
              <a:rPr lang="en-US" dirty="0"/>
              <a:t>Click icon to add picture</a:t>
            </a:r>
          </a:p>
        </p:txBody>
      </p:sp>
      <p:sp>
        <p:nvSpPr>
          <p:cNvPr id="45" name="Text Placeholder 11">
            <a:extLst>
              <a:ext uri="{FF2B5EF4-FFF2-40B4-BE49-F238E27FC236}">
                <a16:creationId xmlns:a16="http://schemas.microsoft.com/office/drawing/2014/main" id="{6207F6BF-44C7-488D-ADCD-98805D32C39F}"/>
              </a:ext>
            </a:extLst>
          </p:cNvPr>
          <p:cNvSpPr>
            <a:spLocks noGrp="1"/>
          </p:cNvSpPr>
          <p:nvPr>
            <p:ph type="body" sz="quarter" idx="22"/>
          </p:nvPr>
        </p:nvSpPr>
        <p:spPr bwMode="gray">
          <a:xfrm>
            <a:off x="267018"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6" name="Text Placeholder 11">
            <a:extLst>
              <a:ext uri="{FF2B5EF4-FFF2-40B4-BE49-F238E27FC236}">
                <a16:creationId xmlns:a16="http://schemas.microsoft.com/office/drawing/2014/main" id="{DC9F35B5-C9B8-4D17-8513-69D23F7BF18C}"/>
              </a:ext>
            </a:extLst>
          </p:cNvPr>
          <p:cNvSpPr>
            <a:spLocks noGrp="1"/>
          </p:cNvSpPr>
          <p:nvPr>
            <p:ph type="body" sz="quarter" idx="23"/>
          </p:nvPr>
        </p:nvSpPr>
        <p:spPr bwMode="gray">
          <a:xfrm>
            <a:off x="4259881"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a:p>
            <a:pPr lvl="1"/>
            <a:endParaRPr lang="en-US" dirty="0"/>
          </a:p>
        </p:txBody>
      </p:sp>
      <p:sp>
        <p:nvSpPr>
          <p:cNvPr id="47" name="Text Placeholder 11">
            <a:extLst>
              <a:ext uri="{FF2B5EF4-FFF2-40B4-BE49-F238E27FC236}">
                <a16:creationId xmlns:a16="http://schemas.microsoft.com/office/drawing/2014/main" id="{D2E389A2-EF80-4B19-AFA8-B0AA653E44C8}"/>
              </a:ext>
            </a:extLst>
          </p:cNvPr>
          <p:cNvSpPr>
            <a:spLocks noGrp="1"/>
          </p:cNvSpPr>
          <p:nvPr>
            <p:ph type="body" sz="quarter" idx="25"/>
          </p:nvPr>
        </p:nvSpPr>
        <p:spPr bwMode="gray">
          <a:xfrm>
            <a:off x="8252743" y="5902504"/>
            <a:ext cx="367223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2" name="Picture Placeholder 24">
            <a:extLst>
              <a:ext uri="{FF2B5EF4-FFF2-40B4-BE49-F238E27FC236}">
                <a16:creationId xmlns:a16="http://schemas.microsoft.com/office/drawing/2014/main" id="{A758364A-C806-4BA7-B792-DB90C9E819DB}"/>
              </a:ext>
            </a:extLst>
          </p:cNvPr>
          <p:cNvSpPr>
            <a:spLocks noGrp="1"/>
          </p:cNvSpPr>
          <p:nvPr>
            <p:ph type="pic" sz="quarter" idx="33" hasCustomPrompt="1"/>
          </p:nvPr>
        </p:nvSpPr>
        <p:spPr>
          <a:xfrm>
            <a:off x="264913" y="5789080"/>
            <a:ext cx="3672000" cy="28800"/>
          </a:xfrm>
          <a:solidFill>
            <a:schemeClr val="tx2"/>
          </a:solidFill>
          <a:ln>
            <a:noFill/>
          </a:ln>
        </p:spPr>
        <p:txBody>
          <a:bodyPr/>
          <a:lstStyle>
            <a:lvl1pPr>
              <a:defRPr sz="100">
                <a:solidFill>
                  <a:schemeClr val="accent1"/>
                </a:solidFill>
              </a:defRPr>
            </a:lvl1pPr>
          </a:lstStyle>
          <a:p>
            <a:r>
              <a:rPr lang="en-US" dirty="0"/>
              <a:t>.</a:t>
            </a:r>
          </a:p>
        </p:txBody>
      </p:sp>
      <p:sp>
        <p:nvSpPr>
          <p:cNvPr id="23" name="Picture Placeholder 24">
            <a:extLst>
              <a:ext uri="{FF2B5EF4-FFF2-40B4-BE49-F238E27FC236}">
                <a16:creationId xmlns:a16="http://schemas.microsoft.com/office/drawing/2014/main" id="{C4A23AB8-CD51-4058-8CC8-C01436097FCF}"/>
              </a:ext>
            </a:extLst>
          </p:cNvPr>
          <p:cNvSpPr>
            <a:spLocks noGrp="1"/>
          </p:cNvSpPr>
          <p:nvPr>
            <p:ph type="pic" sz="quarter" idx="34" hasCustomPrompt="1"/>
          </p:nvPr>
        </p:nvSpPr>
        <p:spPr>
          <a:xfrm>
            <a:off x="4256388" y="5789080"/>
            <a:ext cx="3672000" cy="28800"/>
          </a:xfrm>
          <a:solidFill>
            <a:schemeClr val="tx1"/>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A1C057B5-5843-4C4F-8233-A70AE0C86453}"/>
              </a:ext>
            </a:extLst>
          </p:cNvPr>
          <p:cNvSpPr>
            <a:spLocks noGrp="1"/>
          </p:cNvSpPr>
          <p:nvPr>
            <p:ph type="pic" sz="quarter" idx="35" hasCustomPrompt="1"/>
          </p:nvPr>
        </p:nvSpPr>
        <p:spPr>
          <a:xfrm>
            <a:off x="8249486" y="5789080"/>
            <a:ext cx="3672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939DA7FE-EFD8-44FB-A789-66635C85AA8C}"/>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5" name="TextBox 14">
            <a:extLst>
              <a:ext uri="{FF2B5EF4-FFF2-40B4-BE49-F238E27FC236}">
                <a16:creationId xmlns:a16="http://schemas.microsoft.com/office/drawing/2014/main" id="{D8271637-1CDA-43C0-AACC-D0B663F26B67}"/>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49011913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6)">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4" name="Picture Placeholder 3">
            <a:extLst>
              <a:ext uri="{FF2B5EF4-FFF2-40B4-BE49-F238E27FC236}">
                <a16:creationId xmlns:a16="http://schemas.microsoft.com/office/drawing/2014/main" id="{915F9CBB-E821-4E2F-A816-2A6B3BD027DC}"/>
              </a:ext>
            </a:extLst>
          </p:cNvPr>
          <p:cNvSpPr>
            <a:spLocks noGrp="1"/>
          </p:cNvSpPr>
          <p:nvPr>
            <p:ph type="pic" sz="quarter" idx="19"/>
          </p:nvPr>
        </p:nvSpPr>
        <p:spPr>
          <a:xfrm>
            <a:off x="263525" y="3861048"/>
            <a:ext cx="3672234" cy="1932336"/>
          </a:xfrm>
          <a:noFill/>
        </p:spPr>
        <p:txBody>
          <a:bodyPr tIns="432000" anchor="ctr"/>
          <a:lstStyle>
            <a:lvl1pPr algn="ctr">
              <a:defRPr>
                <a:solidFill>
                  <a:schemeClr val="accent4"/>
                </a:solidFill>
              </a:defRPr>
            </a:lvl1pPr>
          </a:lstStyle>
          <a:p>
            <a:r>
              <a:rPr lang="en-US" dirty="0"/>
              <a:t>Click icon to add picture</a:t>
            </a:r>
          </a:p>
        </p:txBody>
      </p:sp>
      <p:sp>
        <p:nvSpPr>
          <p:cNvPr id="16" name="Picture Placeholder 3">
            <a:extLst>
              <a:ext uri="{FF2B5EF4-FFF2-40B4-BE49-F238E27FC236}">
                <a16:creationId xmlns:a16="http://schemas.microsoft.com/office/drawing/2014/main" id="{54879FBB-2471-4EEA-96E3-1852E4522488}"/>
              </a:ext>
            </a:extLst>
          </p:cNvPr>
          <p:cNvSpPr>
            <a:spLocks noGrp="1"/>
          </p:cNvSpPr>
          <p:nvPr>
            <p:ph type="pic" sz="quarter" idx="20"/>
          </p:nvPr>
        </p:nvSpPr>
        <p:spPr>
          <a:xfrm>
            <a:off x="4256389" y="3861048"/>
            <a:ext cx="3672234" cy="1932336"/>
          </a:xfrm>
          <a:noFill/>
        </p:spPr>
        <p:txBody>
          <a:bodyPr tIns="432000" anchor="ctr"/>
          <a:lstStyle>
            <a:lvl1pPr algn="ctr">
              <a:defRPr>
                <a:solidFill>
                  <a:schemeClr val="accent4"/>
                </a:solidFill>
              </a:defRPr>
            </a:lvl1pPr>
          </a:lstStyle>
          <a:p>
            <a:r>
              <a:rPr lang="en-US" dirty="0"/>
              <a:t>Click icon to add picture</a:t>
            </a:r>
          </a:p>
        </p:txBody>
      </p:sp>
      <p:sp>
        <p:nvSpPr>
          <p:cNvPr id="17" name="Picture Placeholder 3">
            <a:extLst>
              <a:ext uri="{FF2B5EF4-FFF2-40B4-BE49-F238E27FC236}">
                <a16:creationId xmlns:a16="http://schemas.microsoft.com/office/drawing/2014/main" id="{C8A19E55-5FD1-41A7-9330-CBE422A2F983}"/>
              </a:ext>
            </a:extLst>
          </p:cNvPr>
          <p:cNvSpPr>
            <a:spLocks noGrp="1"/>
          </p:cNvSpPr>
          <p:nvPr>
            <p:ph type="pic" sz="quarter" idx="21"/>
          </p:nvPr>
        </p:nvSpPr>
        <p:spPr>
          <a:xfrm>
            <a:off x="8249252" y="3861048"/>
            <a:ext cx="3672234" cy="1932336"/>
          </a:xfrm>
          <a:noFill/>
        </p:spPr>
        <p:txBody>
          <a:bodyPr tIns="432000" anchor="ctr"/>
          <a:lstStyle>
            <a:lvl1pPr algn="ctr">
              <a:defRPr>
                <a:solidFill>
                  <a:schemeClr val="accent4"/>
                </a:solidFill>
              </a:defRPr>
            </a:lvl1pPr>
          </a:lstStyle>
          <a:p>
            <a:r>
              <a:rPr lang="en-US" dirty="0"/>
              <a:t>Click icon to add picture</a:t>
            </a:r>
          </a:p>
        </p:txBody>
      </p:sp>
      <p:sp>
        <p:nvSpPr>
          <p:cNvPr id="31" name="Picture Placeholder 3">
            <a:extLst>
              <a:ext uri="{FF2B5EF4-FFF2-40B4-BE49-F238E27FC236}">
                <a16:creationId xmlns:a16="http://schemas.microsoft.com/office/drawing/2014/main" id="{F40D1890-8040-4006-A3B9-446A3E6E0CFB}"/>
              </a:ext>
            </a:extLst>
          </p:cNvPr>
          <p:cNvSpPr>
            <a:spLocks noGrp="1"/>
          </p:cNvSpPr>
          <p:nvPr>
            <p:ph type="pic" sz="quarter" idx="25"/>
          </p:nvPr>
        </p:nvSpPr>
        <p:spPr>
          <a:xfrm>
            <a:off x="263525" y="1125539"/>
            <a:ext cx="3672234" cy="1943421"/>
          </a:xfrm>
          <a:noFill/>
        </p:spPr>
        <p:txBody>
          <a:bodyPr tIns="432000" anchor="ctr"/>
          <a:lstStyle>
            <a:lvl1pPr algn="ctr">
              <a:defRPr>
                <a:solidFill>
                  <a:schemeClr val="accent4"/>
                </a:solidFill>
              </a:defRPr>
            </a:lvl1pPr>
          </a:lstStyle>
          <a:p>
            <a:r>
              <a:rPr lang="en-US" dirty="0"/>
              <a:t>Click icon to add picture</a:t>
            </a:r>
          </a:p>
        </p:txBody>
      </p:sp>
      <p:sp>
        <p:nvSpPr>
          <p:cNvPr id="32" name="Picture Placeholder 3">
            <a:extLst>
              <a:ext uri="{FF2B5EF4-FFF2-40B4-BE49-F238E27FC236}">
                <a16:creationId xmlns:a16="http://schemas.microsoft.com/office/drawing/2014/main" id="{47177829-69B6-4B8D-AA32-306D7D789445}"/>
              </a:ext>
            </a:extLst>
          </p:cNvPr>
          <p:cNvSpPr>
            <a:spLocks noGrp="1"/>
          </p:cNvSpPr>
          <p:nvPr>
            <p:ph type="pic" sz="quarter" idx="26"/>
          </p:nvPr>
        </p:nvSpPr>
        <p:spPr>
          <a:xfrm>
            <a:off x="4256389" y="1125539"/>
            <a:ext cx="3672234" cy="1943421"/>
          </a:xfrm>
          <a:noFill/>
        </p:spPr>
        <p:txBody>
          <a:bodyPr tIns="432000" anchor="ctr"/>
          <a:lstStyle>
            <a:lvl1pPr algn="ctr">
              <a:defRPr>
                <a:solidFill>
                  <a:schemeClr val="accent4"/>
                </a:solidFill>
              </a:defRPr>
            </a:lvl1pPr>
          </a:lstStyle>
          <a:p>
            <a:r>
              <a:rPr lang="en-US" dirty="0"/>
              <a:t>Click icon to add picture</a:t>
            </a:r>
          </a:p>
        </p:txBody>
      </p:sp>
      <p:sp>
        <p:nvSpPr>
          <p:cNvPr id="33" name="Picture Placeholder 3">
            <a:extLst>
              <a:ext uri="{FF2B5EF4-FFF2-40B4-BE49-F238E27FC236}">
                <a16:creationId xmlns:a16="http://schemas.microsoft.com/office/drawing/2014/main" id="{D9296858-018B-48AE-96A4-CE6634F857C5}"/>
              </a:ext>
            </a:extLst>
          </p:cNvPr>
          <p:cNvSpPr>
            <a:spLocks noGrp="1"/>
          </p:cNvSpPr>
          <p:nvPr>
            <p:ph type="pic" sz="quarter" idx="27"/>
          </p:nvPr>
        </p:nvSpPr>
        <p:spPr>
          <a:xfrm>
            <a:off x="8249252" y="1125539"/>
            <a:ext cx="3672234" cy="1943421"/>
          </a:xfrm>
          <a:noFill/>
        </p:spPr>
        <p:txBody>
          <a:bodyPr tIns="432000" anchor="ctr"/>
          <a:lstStyle>
            <a:lvl1pPr algn="ctr">
              <a:defRPr>
                <a:solidFill>
                  <a:schemeClr val="accent4"/>
                </a:solidFill>
              </a:defRPr>
            </a:lvl1pPr>
          </a:lstStyle>
          <a:p>
            <a:r>
              <a:rPr lang="en-US" dirty="0"/>
              <a:t>Click icon to add picture</a:t>
            </a:r>
          </a:p>
        </p:txBody>
      </p:sp>
      <p:sp>
        <p:nvSpPr>
          <p:cNvPr id="40" name="Text Placeholder 11">
            <a:extLst>
              <a:ext uri="{FF2B5EF4-FFF2-40B4-BE49-F238E27FC236}">
                <a16:creationId xmlns:a16="http://schemas.microsoft.com/office/drawing/2014/main" id="{14FDA7B6-0CB9-4801-8BCD-C533322EEF89}"/>
              </a:ext>
            </a:extLst>
          </p:cNvPr>
          <p:cNvSpPr>
            <a:spLocks noGrp="1"/>
          </p:cNvSpPr>
          <p:nvPr>
            <p:ph type="body" sz="quarter" idx="22"/>
          </p:nvPr>
        </p:nvSpPr>
        <p:spPr bwMode="gray">
          <a:xfrm>
            <a:off x="267018"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1" name="Text Placeholder 11">
            <a:extLst>
              <a:ext uri="{FF2B5EF4-FFF2-40B4-BE49-F238E27FC236}">
                <a16:creationId xmlns:a16="http://schemas.microsoft.com/office/drawing/2014/main" id="{01E9159C-B757-487C-ACBC-90F7041B08B6}"/>
              </a:ext>
            </a:extLst>
          </p:cNvPr>
          <p:cNvSpPr>
            <a:spLocks noGrp="1"/>
          </p:cNvSpPr>
          <p:nvPr>
            <p:ph type="body" sz="quarter" idx="23"/>
          </p:nvPr>
        </p:nvSpPr>
        <p:spPr bwMode="gray">
          <a:xfrm>
            <a:off x="4259881"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2" name="Text Placeholder 11">
            <a:extLst>
              <a:ext uri="{FF2B5EF4-FFF2-40B4-BE49-F238E27FC236}">
                <a16:creationId xmlns:a16="http://schemas.microsoft.com/office/drawing/2014/main" id="{689B320E-7199-4B9B-BBB6-BECC119A6105}"/>
              </a:ext>
            </a:extLst>
          </p:cNvPr>
          <p:cNvSpPr>
            <a:spLocks noGrp="1"/>
          </p:cNvSpPr>
          <p:nvPr>
            <p:ph type="body" sz="quarter" idx="28"/>
          </p:nvPr>
        </p:nvSpPr>
        <p:spPr bwMode="gray">
          <a:xfrm>
            <a:off x="8252743" y="3234310"/>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7" name="Text Placeholder 11">
            <a:extLst>
              <a:ext uri="{FF2B5EF4-FFF2-40B4-BE49-F238E27FC236}">
                <a16:creationId xmlns:a16="http://schemas.microsoft.com/office/drawing/2014/main" id="{4C194628-5843-4993-8645-21D277A5F84B}"/>
              </a:ext>
            </a:extLst>
          </p:cNvPr>
          <p:cNvSpPr>
            <a:spLocks noGrp="1"/>
          </p:cNvSpPr>
          <p:nvPr>
            <p:ph type="body" sz="quarter" idx="29"/>
          </p:nvPr>
        </p:nvSpPr>
        <p:spPr bwMode="gray">
          <a:xfrm>
            <a:off x="267018"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8" name="Text Placeholder 11">
            <a:extLst>
              <a:ext uri="{FF2B5EF4-FFF2-40B4-BE49-F238E27FC236}">
                <a16:creationId xmlns:a16="http://schemas.microsoft.com/office/drawing/2014/main" id="{01EBD6AF-BB8D-4CD7-89EF-691423556D15}"/>
              </a:ext>
            </a:extLst>
          </p:cNvPr>
          <p:cNvSpPr>
            <a:spLocks noGrp="1"/>
          </p:cNvSpPr>
          <p:nvPr>
            <p:ph type="body" sz="quarter" idx="30"/>
          </p:nvPr>
        </p:nvSpPr>
        <p:spPr bwMode="gray">
          <a:xfrm>
            <a:off x="4259881"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9" name="Text Placeholder 11">
            <a:extLst>
              <a:ext uri="{FF2B5EF4-FFF2-40B4-BE49-F238E27FC236}">
                <a16:creationId xmlns:a16="http://schemas.microsoft.com/office/drawing/2014/main" id="{DBDC85D8-AC49-4BE9-9A89-F6EADB551C65}"/>
              </a:ext>
            </a:extLst>
          </p:cNvPr>
          <p:cNvSpPr>
            <a:spLocks noGrp="1"/>
          </p:cNvSpPr>
          <p:nvPr>
            <p:ph type="body" sz="quarter" idx="31"/>
          </p:nvPr>
        </p:nvSpPr>
        <p:spPr bwMode="gray">
          <a:xfrm>
            <a:off x="8252743" y="5974512"/>
            <a:ext cx="3672235" cy="252000"/>
          </a:xfrm>
        </p:spPr>
        <p:txBody>
          <a:bodyPr lIns="0" tIns="0" rIns="0" anchor="t"/>
          <a:lstStyle>
            <a:lvl1pPr marL="0" indent="0">
              <a:lnSpc>
                <a:spcPct val="100000"/>
              </a:lnSpc>
              <a:spcBef>
                <a:spcPts val="100"/>
              </a:spcBef>
              <a:buFont typeface="Arial" panose="020B0604020202020204" pitchFamily="34" charset="0"/>
              <a:buNone/>
              <a:defRPr sz="14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4" name="Picture Placeholder 24">
            <a:extLst>
              <a:ext uri="{FF2B5EF4-FFF2-40B4-BE49-F238E27FC236}">
                <a16:creationId xmlns:a16="http://schemas.microsoft.com/office/drawing/2014/main" id="{51A76A6F-9726-43A3-9939-6601AB2E5F93}"/>
              </a:ext>
            </a:extLst>
          </p:cNvPr>
          <p:cNvSpPr>
            <a:spLocks noGrp="1"/>
          </p:cNvSpPr>
          <p:nvPr>
            <p:ph type="pic" sz="quarter" idx="38" hasCustomPrompt="1"/>
          </p:nvPr>
        </p:nvSpPr>
        <p:spPr>
          <a:xfrm>
            <a:off x="264913" y="3123000"/>
            <a:ext cx="3672000" cy="28800"/>
          </a:xfrm>
          <a:solidFill>
            <a:schemeClr val="tx2"/>
          </a:solidFill>
          <a:ln>
            <a:noFill/>
          </a:ln>
        </p:spPr>
        <p:txBody>
          <a:bodyPr/>
          <a:lstStyle>
            <a:lvl1pPr>
              <a:defRPr sz="100"/>
            </a:lvl1pPr>
          </a:lstStyle>
          <a:p>
            <a:r>
              <a:rPr lang="en-US" dirty="0"/>
              <a:t>.</a:t>
            </a:r>
          </a:p>
        </p:txBody>
      </p:sp>
      <p:sp>
        <p:nvSpPr>
          <p:cNvPr id="27" name="Picture Placeholder 24">
            <a:extLst>
              <a:ext uri="{FF2B5EF4-FFF2-40B4-BE49-F238E27FC236}">
                <a16:creationId xmlns:a16="http://schemas.microsoft.com/office/drawing/2014/main" id="{1F49639A-9F3A-42AB-A06C-443FC51AF4AE}"/>
              </a:ext>
            </a:extLst>
          </p:cNvPr>
          <p:cNvSpPr>
            <a:spLocks noGrp="1"/>
          </p:cNvSpPr>
          <p:nvPr>
            <p:ph type="pic" sz="quarter" idx="39" hasCustomPrompt="1"/>
          </p:nvPr>
        </p:nvSpPr>
        <p:spPr>
          <a:xfrm>
            <a:off x="4256388" y="3123000"/>
            <a:ext cx="3672000" cy="28800"/>
          </a:xfrm>
          <a:solidFill>
            <a:schemeClr val="tx1"/>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CE020488-ED30-4128-948F-1CB1B01F2572}"/>
              </a:ext>
            </a:extLst>
          </p:cNvPr>
          <p:cNvSpPr>
            <a:spLocks noGrp="1"/>
          </p:cNvSpPr>
          <p:nvPr>
            <p:ph type="pic" sz="quarter" idx="40" hasCustomPrompt="1"/>
          </p:nvPr>
        </p:nvSpPr>
        <p:spPr>
          <a:xfrm>
            <a:off x="8249486" y="3123000"/>
            <a:ext cx="3672000" cy="28800"/>
          </a:xfrm>
          <a:solidFill>
            <a:schemeClr val="accent4"/>
          </a:solidFill>
          <a:ln>
            <a:noFill/>
          </a:ln>
        </p:spPr>
        <p:txBody>
          <a:bodyPr/>
          <a:lstStyle>
            <a:lvl1pPr>
              <a:defRPr sz="100"/>
            </a:lvl1pPr>
          </a:lstStyle>
          <a:p>
            <a:r>
              <a:rPr lang="en-US" dirty="0"/>
              <a:t>.</a:t>
            </a:r>
          </a:p>
        </p:txBody>
      </p:sp>
      <p:sp>
        <p:nvSpPr>
          <p:cNvPr id="29" name="Picture Placeholder 24">
            <a:extLst>
              <a:ext uri="{FF2B5EF4-FFF2-40B4-BE49-F238E27FC236}">
                <a16:creationId xmlns:a16="http://schemas.microsoft.com/office/drawing/2014/main" id="{13189C19-C697-4452-8480-B4E0E6473F3A}"/>
              </a:ext>
            </a:extLst>
          </p:cNvPr>
          <p:cNvSpPr>
            <a:spLocks noGrp="1"/>
          </p:cNvSpPr>
          <p:nvPr>
            <p:ph type="pic" sz="quarter" idx="41" hasCustomPrompt="1"/>
          </p:nvPr>
        </p:nvSpPr>
        <p:spPr>
          <a:xfrm>
            <a:off x="264913" y="5862872"/>
            <a:ext cx="3672000" cy="28800"/>
          </a:xfrm>
          <a:solidFill>
            <a:schemeClr val="tx2"/>
          </a:solidFill>
          <a:ln>
            <a:noFill/>
          </a:ln>
        </p:spPr>
        <p:txBody>
          <a:bodyPr/>
          <a:lstStyle>
            <a:lvl1pPr>
              <a:defRPr sz="100"/>
            </a:lvl1pPr>
          </a:lstStyle>
          <a:p>
            <a:r>
              <a:rPr lang="en-US" dirty="0"/>
              <a:t>.</a:t>
            </a:r>
          </a:p>
        </p:txBody>
      </p:sp>
      <p:sp>
        <p:nvSpPr>
          <p:cNvPr id="30" name="Picture Placeholder 24">
            <a:extLst>
              <a:ext uri="{FF2B5EF4-FFF2-40B4-BE49-F238E27FC236}">
                <a16:creationId xmlns:a16="http://schemas.microsoft.com/office/drawing/2014/main" id="{616C27DF-7E43-44C8-9CAB-63853C36EA54}"/>
              </a:ext>
            </a:extLst>
          </p:cNvPr>
          <p:cNvSpPr>
            <a:spLocks noGrp="1"/>
          </p:cNvSpPr>
          <p:nvPr>
            <p:ph type="pic" sz="quarter" idx="42" hasCustomPrompt="1"/>
          </p:nvPr>
        </p:nvSpPr>
        <p:spPr>
          <a:xfrm>
            <a:off x="4256388" y="5862872"/>
            <a:ext cx="3672000" cy="28800"/>
          </a:xfrm>
          <a:solidFill>
            <a:schemeClr val="tx1"/>
          </a:solidFill>
          <a:ln>
            <a:noFill/>
          </a:ln>
        </p:spPr>
        <p:txBody>
          <a:bodyPr/>
          <a:lstStyle>
            <a:lvl1pPr>
              <a:defRPr sz="100"/>
            </a:lvl1pPr>
          </a:lstStyle>
          <a:p>
            <a:r>
              <a:rPr lang="en-US" dirty="0"/>
              <a:t>.</a:t>
            </a:r>
          </a:p>
        </p:txBody>
      </p:sp>
      <p:sp>
        <p:nvSpPr>
          <p:cNvPr id="34" name="Picture Placeholder 24">
            <a:extLst>
              <a:ext uri="{FF2B5EF4-FFF2-40B4-BE49-F238E27FC236}">
                <a16:creationId xmlns:a16="http://schemas.microsoft.com/office/drawing/2014/main" id="{4CE7327F-C0CB-4904-BC53-6EFE8960396B}"/>
              </a:ext>
            </a:extLst>
          </p:cNvPr>
          <p:cNvSpPr>
            <a:spLocks noGrp="1"/>
          </p:cNvSpPr>
          <p:nvPr>
            <p:ph type="pic" sz="quarter" idx="43" hasCustomPrompt="1"/>
          </p:nvPr>
        </p:nvSpPr>
        <p:spPr>
          <a:xfrm>
            <a:off x="8249486" y="5862872"/>
            <a:ext cx="3672000" cy="28800"/>
          </a:xfrm>
          <a:solidFill>
            <a:schemeClr val="accent4"/>
          </a:solidFill>
          <a:ln>
            <a:noFill/>
          </a:ln>
        </p:spPr>
        <p:txBody>
          <a:bodyPr/>
          <a:lstStyle>
            <a:lvl1pPr>
              <a:defRPr sz="100"/>
            </a:lvl1pPr>
          </a:lstStyle>
          <a:p>
            <a:r>
              <a:rPr lang="en-US" dirty="0"/>
              <a:t>.</a:t>
            </a:r>
          </a:p>
        </p:txBody>
      </p:sp>
      <p:sp>
        <p:nvSpPr>
          <p:cNvPr id="35" name="Title 1">
            <a:extLst>
              <a:ext uri="{FF2B5EF4-FFF2-40B4-BE49-F238E27FC236}">
                <a16:creationId xmlns:a16="http://schemas.microsoft.com/office/drawing/2014/main" id="{62076778-1C0B-4DF5-BED1-40F85B3978E8}"/>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5" name="TextBox 24">
            <a:extLst>
              <a:ext uri="{FF2B5EF4-FFF2-40B4-BE49-F238E27FC236}">
                <a16:creationId xmlns:a16="http://schemas.microsoft.com/office/drawing/2014/main" id="{8E18CAD8-34FD-4606-AC59-8AC5BDAFE84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321497283"/>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3) &amp; Content (6)">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24" name="Text Placeholder 11">
            <a:extLst>
              <a:ext uri="{FF2B5EF4-FFF2-40B4-BE49-F238E27FC236}">
                <a16:creationId xmlns:a16="http://schemas.microsoft.com/office/drawing/2014/main" id="{3B05BF5E-4371-47AB-A1FF-B10995CF22FD}"/>
              </a:ext>
            </a:extLst>
          </p:cNvPr>
          <p:cNvSpPr>
            <a:spLocks noGrp="1"/>
          </p:cNvSpPr>
          <p:nvPr>
            <p:ph type="body" sz="quarter" idx="25"/>
          </p:nvPr>
        </p:nvSpPr>
        <p:spPr bwMode="gray">
          <a:xfrm>
            <a:off x="263525" y="4985012"/>
            <a:ext cx="2952153"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6" name="Text Placeholder 11">
            <a:extLst>
              <a:ext uri="{FF2B5EF4-FFF2-40B4-BE49-F238E27FC236}">
                <a16:creationId xmlns:a16="http://schemas.microsoft.com/office/drawing/2014/main" id="{6C90D6E3-10FE-4F7A-9BC6-9EE50B885561}"/>
              </a:ext>
            </a:extLst>
          </p:cNvPr>
          <p:cNvSpPr>
            <a:spLocks noGrp="1"/>
          </p:cNvSpPr>
          <p:nvPr>
            <p:ph type="body" sz="quarter" idx="23"/>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7" name="Text Placeholder 11">
            <a:extLst>
              <a:ext uri="{FF2B5EF4-FFF2-40B4-BE49-F238E27FC236}">
                <a16:creationId xmlns:a16="http://schemas.microsoft.com/office/drawing/2014/main" id="{316FDD13-2FD3-4BDC-92B0-6E2A4E622EE2}"/>
              </a:ext>
            </a:extLst>
          </p:cNvPr>
          <p:cNvSpPr>
            <a:spLocks noGrp="1"/>
          </p:cNvSpPr>
          <p:nvPr>
            <p:ph type="body" sz="quarter" idx="24"/>
          </p:nvPr>
        </p:nvSpPr>
        <p:spPr bwMode="gray">
          <a:xfrm>
            <a:off x="263523" y="3240301"/>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8" name="Content Placeholder 3">
            <a:extLst>
              <a:ext uri="{FF2B5EF4-FFF2-40B4-BE49-F238E27FC236}">
                <a16:creationId xmlns:a16="http://schemas.microsoft.com/office/drawing/2014/main" id="{E2783D5F-0057-4639-BF27-31ED9E0868C1}"/>
              </a:ext>
            </a:extLst>
          </p:cNvPr>
          <p:cNvSpPr>
            <a:spLocks noGrp="1"/>
          </p:cNvSpPr>
          <p:nvPr>
            <p:ph sz="quarter" idx="26"/>
          </p:nvPr>
        </p:nvSpPr>
        <p:spPr bwMode="gray">
          <a:xfrm>
            <a:off x="263525" y="1844826"/>
            <a:ext cx="2952153"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30" name="Content Placeholder 3">
            <a:extLst>
              <a:ext uri="{FF2B5EF4-FFF2-40B4-BE49-F238E27FC236}">
                <a16:creationId xmlns:a16="http://schemas.microsoft.com/office/drawing/2014/main" id="{B590CC18-1B6B-4861-868E-A6987D93954C}"/>
              </a:ext>
            </a:extLst>
          </p:cNvPr>
          <p:cNvSpPr>
            <a:spLocks noGrp="1"/>
          </p:cNvSpPr>
          <p:nvPr>
            <p:ph sz="quarter" idx="27"/>
          </p:nvPr>
        </p:nvSpPr>
        <p:spPr bwMode="gray">
          <a:xfrm>
            <a:off x="263525" y="3600531"/>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32" name="Content Placeholder 3">
            <a:extLst>
              <a:ext uri="{FF2B5EF4-FFF2-40B4-BE49-F238E27FC236}">
                <a16:creationId xmlns:a16="http://schemas.microsoft.com/office/drawing/2014/main" id="{1CBF013C-2857-4ABA-A4A4-FB2F2770E661}"/>
              </a:ext>
            </a:extLst>
          </p:cNvPr>
          <p:cNvSpPr>
            <a:spLocks noGrp="1"/>
          </p:cNvSpPr>
          <p:nvPr>
            <p:ph sz="quarter" idx="28"/>
          </p:nvPr>
        </p:nvSpPr>
        <p:spPr bwMode="gray">
          <a:xfrm>
            <a:off x="263525" y="5362908"/>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42" name="Content Placeholder 3">
            <a:extLst>
              <a:ext uri="{FF2B5EF4-FFF2-40B4-BE49-F238E27FC236}">
                <a16:creationId xmlns:a16="http://schemas.microsoft.com/office/drawing/2014/main" id="{76DE9C61-D509-4314-B722-D4958D1B5C13}"/>
              </a:ext>
            </a:extLst>
          </p:cNvPr>
          <p:cNvSpPr>
            <a:spLocks noGrp="1"/>
          </p:cNvSpPr>
          <p:nvPr>
            <p:ph sz="quarter" idx="29"/>
          </p:nvPr>
        </p:nvSpPr>
        <p:spPr bwMode="gray">
          <a:xfrm>
            <a:off x="3503712" y="1376172"/>
            <a:ext cx="8424763" cy="1476762"/>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3" name="Content Placeholder 3">
            <a:extLst>
              <a:ext uri="{FF2B5EF4-FFF2-40B4-BE49-F238E27FC236}">
                <a16:creationId xmlns:a16="http://schemas.microsoft.com/office/drawing/2014/main" id="{B07CE416-A776-4B9B-869E-F13DCB2194D7}"/>
              </a:ext>
            </a:extLst>
          </p:cNvPr>
          <p:cNvSpPr>
            <a:spLocks noGrp="1"/>
          </p:cNvSpPr>
          <p:nvPr>
            <p:ph sz="quarter" idx="30"/>
          </p:nvPr>
        </p:nvSpPr>
        <p:spPr bwMode="gray">
          <a:xfrm>
            <a:off x="3503712" y="3125397"/>
            <a:ext cx="8424763"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4" name="Content Placeholder 3">
            <a:extLst>
              <a:ext uri="{FF2B5EF4-FFF2-40B4-BE49-F238E27FC236}">
                <a16:creationId xmlns:a16="http://schemas.microsoft.com/office/drawing/2014/main" id="{768861B8-49F9-4E24-A37A-AC60CAABF377}"/>
              </a:ext>
            </a:extLst>
          </p:cNvPr>
          <p:cNvSpPr>
            <a:spLocks noGrp="1"/>
          </p:cNvSpPr>
          <p:nvPr>
            <p:ph sz="quarter" idx="31"/>
          </p:nvPr>
        </p:nvSpPr>
        <p:spPr bwMode="gray">
          <a:xfrm>
            <a:off x="3503712" y="4887774"/>
            <a:ext cx="8424763"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9" name="Picture Placeholder 24">
            <a:extLst>
              <a:ext uri="{FF2B5EF4-FFF2-40B4-BE49-F238E27FC236}">
                <a16:creationId xmlns:a16="http://schemas.microsoft.com/office/drawing/2014/main" id="{8DF4088A-D2D3-4605-887F-33A4783C5A12}"/>
              </a:ext>
            </a:extLst>
          </p:cNvPr>
          <p:cNvSpPr>
            <a:spLocks noGrp="1"/>
          </p:cNvSpPr>
          <p:nvPr>
            <p:ph type="pic" sz="quarter" idx="35"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23" name="Picture Placeholder 24">
            <a:extLst>
              <a:ext uri="{FF2B5EF4-FFF2-40B4-BE49-F238E27FC236}">
                <a16:creationId xmlns:a16="http://schemas.microsoft.com/office/drawing/2014/main" id="{4D8EAB64-B0D8-4204-AF23-B0B252CEE221}"/>
              </a:ext>
            </a:extLst>
          </p:cNvPr>
          <p:cNvSpPr>
            <a:spLocks noGrp="1"/>
          </p:cNvSpPr>
          <p:nvPr>
            <p:ph type="pic" sz="quarter" idx="36" hasCustomPrompt="1"/>
          </p:nvPr>
        </p:nvSpPr>
        <p:spPr>
          <a:xfrm>
            <a:off x="264913" y="3128036"/>
            <a:ext cx="2952000" cy="28800"/>
          </a:xfrm>
          <a:solidFill>
            <a:schemeClr val="tx1"/>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28F249F2-5D22-46BD-AC14-8717638F2AF5}"/>
              </a:ext>
            </a:extLst>
          </p:cNvPr>
          <p:cNvSpPr>
            <a:spLocks noGrp="1"/>
          </p:cNvSpPr>
          <p:nvPr>
            <p:ph type="pic" sz="quarter" idx="37" hasCustomPrompt="1"/>
          </p:nvPr>
        </p:nvSpPr>
        <p:spPr>
          <a:xfrm>
            <a:off x="264913" y="4873374"/>
            <a:ext cx="2952000" cy="28800"/>
          </a:xfrm>
          <a:solidFill>
            <a:schemeClr val="accent4"/>
          </a:solidFill>
          <a:ln>
            <a:noFill/>
          </a:ln>
        </p:spPr>
        <p:txBody>
          <a:bodyPr/>
          <a:lstStyle>
            <a:lvl1pPr>
              <a:defRPr sz="100"/>
            </a:lvl1pPr>
          </a:lstStyle>
          <a:p>
            <a:r>
              <a:rPr lang="en-US" dirty="0"/>
              <a:t>.</a:t>
            </a:r>
          </a:p>
        </p:txBody>
      </p:sp>
      <p:sp>
        <p:nvSpPr>
          <p:cNvPr id="20" name="Title 1">
            <a:extLst>
              <a:ext uri="{FF2B5EF4-FFF2-40B4-BE49-F238E27FC236}">
                <a16:creationId xmlns:a16="http://schemas.microsoft.com/office/drawing/2014/main" id="{82DFEC67-6E2A-46BD-A71B-DEDF2A482BD3}"/>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8" name="TextBox 17">
            <a:extLst>
              <a:ext uri="{FF2B5EF4-FFF2-40B4-BE49-F238E27FC236}">
                <a16:creationId xmlns:a16="http://schemas.microsoft.com/office/drawing/2014/main" id="{9DB03339-E194-41DB-849E-EB7B3FCC4A6E}"/>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67920246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3) &amp; Content (6)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24" name="Text Placeholder 11">
            <a:extLst>
              <a:ext uri="{FF2B5EF4-FFF2-40B4-BE49-F238E27FC236}">
                <a16:creationId xmlns:a16="http://schemas.microsoft.com/office/drawing/2014/main" id="{4EF52691-9CCC-4E90-9911-5B12BEE570C0}"/>
              </a:ext>
            </a:extLst>
          </p:cNvPr>
          <p:cNvSpPr>
            <a:spLocks noGrp="1"/>
          </p:cNvSpPr>
          <p:nvPr>
            <p:ph type="body" sz="quarter" idx="23"/>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6" name="Content Placeholder 3">
            <a:extLst>
              <a:ext uri="{FF2B5EF4-FFF2-40B4-BE49-F238E27FC236}">
                <a16:creationId xmlns:a16="http://schemas.microsoft.com/office/drawing/2014/main" id="{6BFE9AA9-753B-41E3-A0DD-DC664AD2E029}"/>
              </a:ext>
            </a:extLst>
          </p:cNvPr>
          <p:cNvSpPr>
            <a:spLocks noGrp="1"/>
          </p:cNvSpPr>
          <p:nvPr>
            <p:ph sz="quarter" idx="26"/>
          </p:nvPr>
        </p:nvSpPr>
        <p:spPr bwMode="gray">
          <a:xfrm>
            <a:off x="263525" y="1844826"/>
            <a:ext cx="2952153" cy="739879"/>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29" name="Content Placeholder 3">
            <a:extLst>
              <a:ext uri="{FF2B5EF4-FFF2-40B4-BE49-F238E27FC236}">
                <a16:creationId xmlns:a16="http://schemas.microsoft.com/office/drawing/2014/main" id="{050C276D-2B61-40CC-9FA8-AE23FE1A7BF5}"/>
              </a:ext>
            </a:extLst>
          </p:cNvPr>
          <p:cNvSpPr>
            <a:spLocks noGrp="1"/>
          </p:cNvSpPr>
          <p:nvPr>
            <p:ph sz="quarter" idx="30"/>
          </p:nvPr>
        </p:nvSpPr>
        <p:spPr bwMode="gray">
          <a:xfrm>
            <a:off x="3503712" y="1376172"/>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31" name="Text Placeholder 11">
            <a:extLst>
              <a:ext uri="{FF2B5EF4-FFF2-40B4-BE49-F238E27FC236}">
                <a16:creationId xmlns:a16="http://schemas.microsoft.com/office/drawing/2014/main" id="{8D141BDE-D9C9-41F9-8359-B351B85CDA1B}"/>
              </a:ext>
            </a:extLst>
          </p:cNvPr>
          <p:cNvSpPr>
            <a:spLocks noGrp="1"/>
          </p:cNvSpPr>
          <p:nvPr>
            <p:ph type="body" sz="quarter" idx="24"/>
          </p:nvPr>
        </p:nvSpPr>
        <p:spPr bwMode="gray">
          <a:xfrm>
            <a:off x="263525" y="3001274"/>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2" name="Content Placeholder 3">
            <a:extLst>
              <a:ext uri="{FF2B5EF4-FFF2-40B4-BE49-F238E27FC236}">
                <a16:creationId xmlns:a16="http://schemas.microsoft.com/office/drawing/2014/main" id="{73465EF4-66D8-44A5-9800-552FABFF1AB5}"/>
              </a:ext>
            </a:extLst>
          </p:cNvPr>
          <p:cNvSpPr>
            <a:spLocks noGrp="1"/>
          </p:cNvSpPr>
          <p:nvPr>
            <p:ph sz="quarter" idx="27"/>
          </p:nvPr>
        </p:nvSpPr>
        <p:spPr bwMode="gray">
          <a:xfrm>
            <a:off x="263525" y="3361504"/>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34" name="Text Placeholder 11">
            <a:extLst>
              <a:ext uri="{FF2B5EF4-FFF2-40B4-BE49-F238E27FC236}">
                <a16:creationId xmlns:a16="http://schemas.microsoft.com/office/drawing/2014/main" id="{1C770F5A-E529-42AD-8C31-39184B9E3420}"/>
              </a:ext>
            </a:extLst>
          </p:cNvPr>
          <p:cNvSpPr>
            <a:spLocks noGrp="1"/>
          </p:cNvSpPr>
          <p:nvPr>
            <p:ph type="body" sz="quarter" idx="25"/>
          </p:nvPr>
        </p:nvSpPr>
        <p:spPr bwMode="gray">
          <a:xfrm>
            <a:off x="275973" y="4496041"/>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1" name="Content Placeholder 3">
            <a:extLst>
              <a:ext uri="{FF2B5EF4-FFF2-40B4-BE49-F238E27FC236}">
                <a16:creationId xmlns:a16="http://schemas.microsoft.com/office/drawing/2014/main" id="{F4DAC50B-76F8-4A8A-AECB-24981C653257}"/>
              </a:ext>
            </a:extLst>
          </p:cNvPr>
          <p:cNvSpPr>
            <a:spLocks noGrp="1"/>
          </p:cNvSpPr>
          <p:nvPr>
            <p:ph sz="quarter" idx="28"/>
          </p:nvPr>
        </p:nvSpPr>
        <p:spPr bwMode="gray">
          <a:xfrm>
            <a:off x="275973" y="4873937"/>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42" name="Content Placeholder 3">
            <a:extLst>
              <a:ext uri="{FF2B5EF4-FFF2-40B4-BE49-F238E27FC236}">
                <a16:creationId xmlns:a16="http://schemas.microsoft.com/office/drawing/2014/main" id="{5D891E61-D8AD-42D7-9D9D-031BF8EE4B4E}"/>
              </a:ext>
            </a:extLst>
          </p:cNvPr>
          <p:cNvSpPr>
            <a:spLocks noGrp="1"/>
          </p:cNvSpPr>
          <p:nvPr>
            <p:ph sz="quarter" idx="31"/>
          </p:nvPr>
        </p:nvSpPr>
        <p:spPr bwMode="gray">
          <a:xfrm>
            <a:off x="3503712" y="2904037"/>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43" name="Content Placeholder 3">
            <a:extLst>
              <a:ext uri="{FF2B5EF4-FFF2-40B4-BE49-F238E27FC236}">
                <a16:creationId xmlns:a16="http://schemas.microsoft.com/office/drawing/2014/main" id="{35F881D5-BB6A-4F6C-80FC-64D9F2EE741B}"/>
              </a:ext>
            </a:extLst>
          </p:cNvPr>
          <p:cNvSpPr>
            <a:spLocks noGrp="1"/>
          </p:cNvSpPr>
          <p:nvPr>
            <p:ph sz="quarter" idx="32"/>
          </p:nvPr>
        </p:nvSpPr>
        <p:spPr bwMode="gray">
          <a:xfrm>
            <a:off x="3503712" y="4398803"/>
            <a:ext cx="8424763" cy="120852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p:txBody>
      </p:sp>
      <p:sp>
        <p:nvSpPr>
          <p:cNvPr id="23" name="Text Placeholder 7">
            <a:extLst>
              <a:ext uri="{FF2B5EF4-FFF2-40B4-BE49-F238E27FC236}">
                <a16:creationId xmlns:a16="http://schemas.microsoft.com/office/drawing/2014/main" id="{2D362199-6D4B-4B90-B6A1-5E71DFDDBBF9}"/>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25" name="Picture Placeholder 24">
            <a:extLst>
              <a:ext uri="{FF2B5EF4-FFF2-40B4-BE49-F238E27FC236}">
                <a16:creationId xmlns:a16="http://schemas.microsoft.com/office/drawing/2014/main" id="{AA4F71B5-58F7-4B92-82F1-93C6E0549020}"/>
              </a:ext>
            </a:extLst>
          </p:cNvPr>
          <p:cNvSpPr>
            <a:spLocks noGrp="1"/>
          </p:cNvSpPr>
          <p:nvPr>
            <p:ph type="pic" sz="quarter" idx="36"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27" name="Picture Placeholder 24">
            <a:extLst>
              <a:ext uri="{FF2B5EF4-FFF2-40B4-BE49-F238E27FC236}">
                <a16:creationId xmlns:a16="http://schemas.microsoft.com/office/drawing/2014/main" id="{C836F3E1-9D8C-4B54-824E-7375CF4BA92A}"/>
              </a:ext>
            </a:extLst>
          </p:cNvPr>
          <p:cNvSpPr>
            <a:spLocks noGrp="1"/>
          </p:cNvSpPr>
          <p:nvPr>
            <p:ph type="pic" sz="quarter" idx="37" hasCustomPrompt="1"/>
          </p:nvPr>
        </p:nvSpPr>
        <p:spPr>
          <a:xfrm>
            <a:off x="264913" y="2893044"/>
            <a:ext cx="2952000" cy="28800"/>
          </a:xfrm>
          <a:solidFill>
            <a:schemeClr val="tx1"/>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53373670-7791-4D09-BD6D-ACD3ED871CD0}"/>
              </a:ext>
            </a:extLst>
          </p:cNvPr>
          <p:cNvSpPr>
            <a:spLocks noGrp="1"/>
          </p:cNvSpPr>
          <p:nvPr>
            <p:ph type="pic" sz="quarter" idx="38" hasCustomPrompt="1"/>
          </p:nvPr>
        </p:nvSpPr>
        <p:spPr>
          <a:xfrm>
            <a:off x="264913" y="4384403"/>
            <a:ext cx="2952000" cy="28800"/>
          </a:xfrm>
          <a:solidFill>
            <a:schemeClr val="accent4"/>
          </a:solidFill>
          <a:ln>
            <a:noFill/>
          </a:ln>
        </p:spPr>
        <p:txBody>
          <a:bodyPr/>
          <a:lstStyle>
            <a:lvl1pPr>
              <a:defRPr sz="100"/>
            </a:lvl1pPr>
          </a:lstStyle>
          <a:p>
            <a:r>
              <a:rPr lang="en-US" dirty="0"/>
              <a:t>.</a:t>
            </a:r>
          </a:p>
        </p:txBody>
      </p:sp>
      <p:sp>
        <p:nvSpPr>
          <p:cNvPr id="20" name="Title 1">
            <a:extLst>
              <a:ext uri="{FF2B5EF4-FFF2-40B4-BE49-F238E27FC236}">
                <a16:creationId xmlns:a16="http://schemas.microsoft.com/office/drawing/2014/main" id="{A20A5915-B847-497E-8CE3-06F002BDFC23}"/>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9" name="TextBox 18">
            <a:extLst>
              <a:ext uri="{FF2B5EF4-FFF2-40B4-BE49-F238E27FC236}">
                <a16:creationId xmlns:a16="http://schemas.microsoft.com/office/drawing/2014/main" id="{051A70E3-E773-496E-9A5D-591B9BD7D0D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22213649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3) &amp; Content (4)">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9" name="Picture Placeholder 3">
            <a:extLst>
              <a:ext uri="{FF2B5EF4-FFF2-40B4-BE49-F238E27FC236}">
                <a16:creationId xmlns:a16="http://schemas.microsoft.com/office/drawing/2014/main" id="{EAD88574-00B8-4D9B-93EB-50F073EEE673}"/>
              </a:ext>
            </a:extLst>
          </p:cNvPr>
          <p:cNvSpPr>
            <a:spLocks noGrp="1"/>
          </p:cNvSpPr>
          <p:nvPr>
            <p:ph type="pic" sz="quarter" idx="23"/>
          </p:nvPr>
        </p:nvSpPr>
        <p:spPr>
          <a:xfrm>
            <a:off x="3489049" y="1376364"/>
            <a:ext cx="8437840" cy="4968873"/>
          </a:xfrm>
          <a:noFill/>
        </p:spPr>
        <p:txBody>
          <a:bodyPr tIns="756000" anchor="ctr"/>
          <a:lstStyle>
            <a:lvl1pPr algn="ctr">
              <a:defRPr>
                <a:solidFill>
                  <a:schemeClr val="accent4"/>
                </a:solidFill>
              </a:defRPr>
            </a:lvl1pPr>
          </a:lstStyle>
          <a:p>
            <a:r>
              <a:rPr lang="en-US" dirty="0"/>
              <a:t>Click icon to add picture</a:t>
            </a:r>
          </a:p>
        </p:txBody>
      </p:sp>
      <p:sp>
        <p:nvSpPr>
          <p:cNvPr id="17" name="Text Placeholder 11">
            <a:extLst>
              <a:ext uri="{FF2B5EF4-FFF2-40B4-BE49-F238E27FC236}">
                <a16:creationId xmlns:a16="http://schemas.microsoft.com/office/drawing/2014/main" id="{D200B697-7AE4-424E-83E6-544B82503EE9}"/>
              </a:ext>
            </a:extLst>
          </p:cNvPr>
          <p:cNvSpPr>
            <a:spLocks noGrp="1"/>
          </p:cNvSpPr>
          <p:nvPr>
            <p:ph type="body" sz="quarter" idx="25"/>
          </p:nvPr>
        </p:nvSpPr>
        <p:spPr bwMode="gray">
          <a:xfrm>
            <a:off x="280181" y="4985012"/>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0" name="Text Placeholder 11">
            <a:extLst>
              <a:ext uri="{FF2B5EF4-FFF2-40B4-BE49-F238E27FC236}">
                <a16:creationId xmlns:a16="http://schemas.microsoft.com/office/drawing/2014/main" id="{DC4BA68C-5B4C-4A6C-846E-96C50FE50D73}"/>
              </a:ext>
            </a:extLst>
          </p:cNvPr>
          <p:cNvSpPr>
            <a:spLocks noGrp="1"/>
          </p:cNvSpPr>
          <p:nvPr>
            <p:ph type="body" sz="quarter" idx="26"/>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1" name="Text Placeholder 11">
            <a:extLst>
              <a:ext uri="{FF2B5EF4-FFF2-40B4-BE49-F238E27FC236}">
                <a16:creationId xmlns:a16="http://schemas.microsoft.com/office/drawing/2014/main" id="{5EDA259E-FC8F-43D1-B501-E3CEAB636702}"/>
              </a:ext>
            </a:extLst>
          </p:cNvPr>
          <p:cNvSpPr>
            <a:spLocks noGrp="1"/>
          </p:cNvSpPr>
          <p:nvPr>
            <p:ph type="body" sz="quarter" idx="24"/>
          </p:nvPr>
        </p:nvSpPr>
        <p:spPr bwMode="gray">
          <a:xfrm>
            <a:off x="263523" y="3240301"/>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2" name="Content Placeholder 3">
            <a:extLst>
              <a:ext uri="{FF2B5EF4-FFF2-40B4-BE49-F238E27FC236}">
                <a16:creationId xmlns:a16="http://schemas.microsoft.com/office/drawing/2014/main" id="{374300A6-D16D-4065-B7F9-8A14A4823F9B}"/>
              </a:ext>
            </a:extLst>
          </p:cNvPr>
          <p:cNvSpPr>
            <a:spLocks noGrp="1"/>
          </p:cNvSpPr>
          <p:nvPr>
            <p:ph sz="quarter" idx="27"/>
          </p:nvPr>
        </p:nvSpPr>
        <p:spPr bwMode="gray">
          <a:xfrm>
            <a:off x="263525" y="1844826"/>
            <a:ext cx="2952153"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23" name="Content Placeholder 3">
            <a:extLst>
              <a:ext uri="{FF2B5EF4-FFF2-40B4-BE49-F238E27FC236}">
                <a16:creationId xmlns:a16="http://schemas.microsoft.com/office/drawing/2014/main" id="{B7BF585E-C297-4501-AF84-9BD4BE063F94}"/>
              </a:ext>
            </a:extLst>
          </p:cNvPr>
          <p:cNvSpPr>
            <a:spLocks noGrp="1"/>
          </p:cNvSpPr>
          <p:nvPr>
            <p:ph sz="quarter" idx="28"/>
          </p:nvPr>
        </p:nvSpPr>
        <p:spPr bwMode="gray">
          <a:xfrm>
            <a:off x="263525" y="3600531"/>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24" name="Content Placeholder 3">
            <a:extLst>
              <a:ext uri="{FF2B5EF4-FFF2-40B4-BE49-F238E27FC236}">
                <a16:creationId xmlns:a16="http://schemas.microsoft.com/office/drawing/2014/main" id="{AB88D336-5640-4086-8C90-556FE2D9D99E}"/>
              </a:ext>
            </a:extLst>
          </p:cNvPr>
          <p:cNvSpPr>
            <a:spLocks noGrp="1"/>
          </p:cNvSpPr>
          <p:nvPr>
            <p:ph sz="quarter" idx="29"/>
          </p:nvPr>
        </p:nvSpPr>
        <p:spPr bwMode="gray">
          <a:xfrm>
            <a:off x="263525" y="5362908"/>
            <a:ext cx="2952153"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p:txBody>
      </p:sp>
      <p:sp>
        <p:nvSpPr>
          <p:cNvPr id="16" name="Picture Placeholder 24">
            <a:extLst>
              <a:ext uri="{FF2B5EF4-FFF2-40B4-BE49-F238E27FC236}">
                <a16:creationId xmlns:a16="http://schemas.microsoft.com/office/drawing/2014/main" id="{3FBA737A-29A2-47D7-8B8D-D722DB4923A9}"/>
              </a:ext>
            </a:extLst>
          </p:cNvPr>
          <p:cNvSpPr>
            <a:spLocks noGrp="1"/>
          </p:cNvSpPr>
          <p:nvPr>
            <p:ph type="pic" sz="quarter" idx="35"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18" name="Picture Placeholder 24">
            <a:extLst>
              <a:ext uri="{FF2B5EF4-FFF2-40B4-BE49-F238E27FC236}">
                <a16:creationId xmlns:a16="http://schemas.microsoft.com/office/drawing/2014/main" id="{4E7C1393-4C9A-4BA9-9221-45C673C9DEB0}"/>
              </a:ext>
            </a:extLst>
          </p:cNvPr>
          <p:cNvSpPr>
            <a:spLocks noGrp="1"/>
          </p:cNvSpPr>
          <p:nvPr>
            <p:ph type="pic" sz="quarter" idx="36" hasCustomPrompt="1"/>
          </p:nvPr>
        </p:nvSpPr>
        <p:spPr>
          <a:xfrm>
            <a:off x="264913" y="3128036"/>
            <a:ext cx="2952000" cy="28800"/>
          </a:xfrm>
          <a:solidFill>
            <a:schemeClr val="tx1"/>
          </a:solidFill>
          <a:ln>
            <a:noFill/>
          </a:ln>
        </p:spPr>
        <p:txBody>
          <a:bodyPr/>
          <a:lstStyle>
            <a:lvl1pPr>
              <a:defRPr sz="100"/>
            </a:lvl1pPr>
          </a:lstStyle>
          <a:p>
            <a:r>
              <a:rPr lang="en-US" dirty="0"/>
              <a:t>.</a:t>
            </a:r>
          </a:p>
        </p:txBody>
      </p:sp>
      <p:sp>
        <p:nvSpPr>
          <p:cNvPr id="30" name="Picture Placeholder 24">
            <a:extLst>
              <a:ext uri="{FF2B5EF4-FFF2-40B4-BE49-F238E27FC236}">
                <a16:creationId xmlns:a16="http://schemas.microsoft.com/office/drawing/2014/main" id="{19CC5E9F-D92F-41D4-B837-4C6B6DADFC81}"/>
              </a:ext>
            </a:extLst>
          </p:cNvPr>
          <p:cNvSpPr>
            <a:spLocks noGrp="1"/>
          </p:cNvSpPr>
          <p:nvPr>
            <p:ph type="pic" sz="quarter" idx="37" hasCustomPrompt="1"/>
          </p:nvPr>
        </p:nvSpPr>
        <p:spPr>
          <a:xfrm>
            <a:off x="264913" y="4873374"/>
            <a:ext cx="2952000" cy="28800"/>
          </a:xfrm>
          <a:solidFill>
            <a:schemeClr val="accent4"/>
          </a:solidFill>
          <a:ln>
            <a:noFill/>
          </a:ln>
        </p:spPr>
        <p:txBody>
          <a:bodyPr/>
          <a:lstStyle>
            <a:lvl1pPr>
              <a:defRPr sz="100"/>
            </a:lvl1pPr>
          </a:lstStyle>
          <a:p>
            <a:r>
              <a:rPr lang="en-US" dirty="0"/>
              <a:t>.</a:t>
            </a:r>
          </a:p>
        </p:txBody>
      </p:sp>
      <p:sp>
        <p:nvSpPr>
          <p:cNvPr id="27" name="Title 1">
            <a:extLst>
              <a:ext uri="{FF2B5EF4-FFF2-40B4-BE49-F238E27FC236}">
                <a16:creationId xmlns:a16="http://schemas.microsoft.com/office/drawing/2014/main" id="{AA928351-B87F-49BA-ACE8-AE4121245B81}"/>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5" name="TextBox 24">
            <a:extLst>
              <a:ext uri="{FF2B5EF4-FFF2-40B4-BE49-F238E27FC236}">
                <a16:creationId xmlns:a16="http://schemas.microsoft.com/office/drawing/2014/main" id="{6809777C-5911-48A2-803C-E2CFEB57EE8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30201645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3) &amp; Content (4)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21" name="Picture Placeholder 3">
            <a:extLst>
              <a:ext uri="{FF2B5EF4-FFF2-40B4-BE49-F238E27FC236}">
                <a16:creationId xmlns:a16="http://schemas.microsoft.com/office/drawing/2014/main" id="{9CC6681E-BC33-4CAF-AFB3-EBB43BD322E0}"/>
              </a:ext>
            </a:extLst>
          </p:cNvPr>
          <p:cNvSpPr>
            <a:spLocks noGrp="1"/>
          </p:cNvSpPr>
          <p:nvPr>
            <p:ph type="pic" sz="quarter" idx="23"/>
          </p:nvPr>
        </p:nvSpPr>
        <p:spPr>
          <a:xfrm>
            <a:off x="3489049" y="1376364"/>
            <a:ext cx="8437840" cy="4264475"/>
          </a:xfrm>
          <a:noFill/>
        </p:spPr>
        <p:txBody>
          <a:bodyPr tIns="756000" anchor="ctr"/>
          <a:lstStyle>
            <a:lvl1pPr algn="ctr">
              <a:defRPr>
                <a:solidFill>
                  <a:schemeClr val="accent4"/>
                </a:solidFill>
              </a:defRPr>
            </a:lvl1pPr>
          </a:lstStyle>
          <a:p>
            <a:r>
              <a:rPr lang="en-US" dirty="0"/>
              <a:t>Click icon to add picture</a:t>
            </a:r>
          </a:p>
        </p:txBody>
      </p:sp>
      <p:sp>
        <p:nvSpPr>
          <p:cNvPr id="19" name="Text Placeholder 11">
            <a:extLst>
              <a:ext uri="{FF2B5EF4-FFF2-40B4-BE49-F238E27FC236}">
                <a16:creationId xmlns:a16="http://schemas.microsoft.com/office/drawing/2014/main" id="{A456FEF9-EFA3-4797-83EF-F48AA5968C8F}"/>
              </a:ext>
            </a:extLst>
          </p:cNvPr>
          <p:cNvSpPr>
            <a:spLocks noGrp="1"/>
          </p:cNvSpPr>
          <p:nvPr>
            <p:ph type="body" sz="quarter" idx="30"/>
          </p:nvPr>
        </p:nvSpPr>
        <p:spPr bwMode="gray">
          <a:xfrm>
            <a:off x="263525" y="1473599"/>
            <a:ext cx="295215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0" name="Content Placeholder 3">
            <a:extLst>
              <a:ext uri="{FF2B5EF4-FFF2-40B4-BE49-F238E27FC236}">
                <a16:creationId xmlns:a16="http://schemas.microsoft.com/office/drawing/2014/main" id="{418C37B3-FDA7-4582-A6B2-DF971CCAAD37}"/>
              </a:ext>
            </a:extLst>
          </p:cNvPr>
          <p:cNvSpPr>
            <a:spLocks noGrp="1"/>
          </p:cNvSpPr>
          <p:nvPr>
            <p:ph sz="quarter" idx="26"/>
          </p:nvPr>
        </p:nvSpPr>
        <p:spPr bwMode="gray">
          <a:xfrm>
            <a:off x="263525" y="1844826"/>
            <a:ext cx="2952153" cy="739879"/>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23" name="Text Placeholder 11">
            <a:extLst>
              <a:ext uri="{FF2B5EF4-FFF2-40B4-BE49-F238E27FC236}">
                <a16:creationId xmlns:a16="http://schemas.microsoft.com/office/drawing/2014/main" id="{73138666-4D60-430D-84CA-98923051AE97}"/>
              </a:ext>
            </a:extLst>
          </p:cNvPr>
          <p:cNvSpPr>
            <a:spLocks noGrp="1"/>
          </p:cNvSpPr>
          <p:nvPr>
            <p:ph type="body" sz="quarter" idx="24"/>
          </p:nvPr>
        </p:nvSpPr>
        <p:spPr bwMode="gray">
          <a:xfrm>
            <a:off x="263525" y="3001274"/>
            <a:ext cx="2952155"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4" name="Content Placeholder 3">
            <a:extLst>
              <a:ext uri="{FF2B5EF4-FFF2-40B4-BE49-F238E27FC236}">
                <a16:creationId xmlns:a16="http://schemas.microsoft.com/office/drawing/2014/main" id="{7F262DA2-6165-4B36-88C9-DAE3B63AD4F1}"/>
              </a:ext>
            </a:extLst>
          </p:cNvPr>
          <p:cNvSpPr>
            <a:spLocks noGrp="1"/>
          </p:cNvSpPr>
          <p:nvPr>
            <p:ph sz="quarter" idx="27"/>
          </p:nvPr>
        </p:nvSpPr>
        <p:spPr bwMode="gray">
          <a:xfrm>
            <a:off x="263525" y="3361504"/>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26" name="Text Placeholder 11">
            <a:extLst>
              <a:ext uri="{FF2B5EF4-FFF2-40B4-BE49-F238E27FC236}">
                <a16:creationId xmlns:a16="http://schemas.microsoft.com/office/drawing/2014/main" id="{88847DCA-998F-4A45-800E-CAFE0984C321}"/>
              </a:ext>
            </a:extLst>
          </p:cNvPr>
          <p:cNvSpPr>
            <a:spLocks noGrp="1"/>
          </p:cNvSpPr>
          <p:nvPr>
            <p:ph type="body" sz="quarter" idx="25"/>
          </p:nvPr>
        </p:nvSpPr>
        <p:spPr bwMode="gray">
          <a:xfrm>
            <a:off x="275973" y="4496041"/>
            <a:ext cx="2935497"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27" name="Content Placeholder 3">
            <a:extLst>
              <a:ext uri="{FF2B5EF4-FFF2-40B4-BE49-F238E27FC236}">
                <a16:creationId xmlns:a16="http://schemas.microsoft.com/office/drawing/2014/main" id="{C16325E6-C1F6-4393-A300-FB4F110973D8}"/>
              </a:ext>
            </a:extLst>
          </p:cNvPr>
          <p:cNvSpPr>
            <a:spLocks noGrp="1"/>
          </p:cNvSpPr>
          <p:nvPr>
            <p:ph sz="quarter" idx="28"/>
          </p:nvPr>
        </p:nvSpPr>
        <p:spPr bwMode="gray">
          <a:xfrm>
            <a:off x="275973" y="4873937"/>
            <a:ext cx="2952153" cy="72096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p:txBody>
      </p:sp>
      <p:sp>
        <p:nvSpPr>
          <p:cNvPr id="17" name="Text Placeholder 7">
            <a:extLst>
              <a:ext uri="{FF2B5EF4-FFF2-40B4-BE49-F238E27FC236}">
                <a16:creationId xmlns:a16="http://schemas.microsoft.com/office/drawing/2014/main" id="{F9EB9EBF-A7BC-402C-B3E0-262AB3649DD2}"/>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22" name="Picture Placeholder 24">
            <a:extLst>
              <a:ext uri="{FF2B5EF4-FFF2-40B4-BE49-F238E27FC236}">
                <a16:creationId xmlns:a16="http://schemas.microsoft.com/office/drawing/2014/main" id="{F46F1FB5-199E-4A64-88F4-3FB8588CF0AF}"/>
              </a:ext>
            </a:extLst>
          </p:cNvPr>
          <p:cNvSpPr>
            <a:spLocks noGrp="1"/>
          </p:cNvSpPr>
          <p:nvPr>
            <p:ph type="pic" sz="quarter" idx="36" hasCustomPrompt="1"/>
          </p:nvPr>
        </p:nvSpPr>
        <p:spPr>
          <a:xfrm>
            <a:off x="264913" y="1361963"/>
            <a:ext cx="2952000" cy="28800"/>
          </a:xfrm>
          <a:solidFill>
            <a:schemeClr val="tx2"/>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B1668C6F-DC3A-4749-8B7C-383DA1E147DE}"/>
              </a:ext>
            </a:extLst>
          </p:cNvPr>
          <p:cNvSpPr>
            <a:spLocks noGrp="1"/>
          </p:cNvSpPr>
          <p:nvPr>
            <p:ph type="pic" sz="quarter" idx="37" hasCustomPrompt="1"/>
          </p:nvPr>
        </p:nvSpPr>
        <p:spPr>
          <a:xfrm>
            <a:off x="264913" y="2893044"/>
            <a:ext cx="2952000" cy="28800"/>
          </a:xfrm>
          <a:solidFill>
            <a:schemeClr val="tx1"/>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9344FF73-CD20-4A20-A858-93DFA4F381D7}"/>
              </a:ext>
            </a:extLst>
          </p:cNvPr>
          <p:cNvSpPr>
            <a:spLocks noGrp="1"/>
          </p:cNvSpPr>
          <p:nvPr>
            <p:ph type="pic" sz="quarter" idx="38" hasCustomPrompt="1"/>
          </p:nvPr>
        </p:nvSpPr>
        <p:spPr>
          <a:xfrm>
            <a:off x="264913" y="4384403"/>
            <a:ext cx="2952000" cy="28800"/>
          </a:xfrm>
          <a:solidFill>
            <a:schemeClr val="accent4"/>
          </a:solidFill>
          <a:ln>
            <a:noFill/>
          </a:ln>
        </p:spPr>
        <p:txBody>
          <a:bodyPr/>
          <a:lstStyle>
            <a:lvl1pPr>
              <a:defRPr sz="100"/>
            </a:lvl1pPr>
          </a:lstStyle>
          <a:p>
            <a:r>
              <a:rPr lang="en-US" dirty="0"/>
              <a:t>.</a:t>
            </a:r>
          </a:p>
        </p:txBody>
      </p:sp>
      <p:sp>
        <p:nvSpPr>
          <p:cNvPr id="29" name="Title 1">
            <a:extLst>
              <a:ext uri="{FF2B5EF4-FFF2-40B4-BE49-F238E27FC236}">
                <a16:creationId xmlns:a16="http://schemas.microsoft.com/office/drawing/2014/main" id="{6F663D08-3767-42E7-8213-FF35A9ED0D92}"/>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8" name="TextBox 17">
            <a:extLst>
              <a:ext uri="{FF2B5EF4-FFF2-40B4-BE49-F238E27FC236}">
                <a16:creationId xmlns:a16="http://schemas.microsoft.com/office/drawing/2014/main" id="{8667E8E8-4BBA-4A1F-9272-1350B47556E2}"/>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391616972"/>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3) &amp; Content (3) &amp; Numbers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38" name="Text Placeholder 11">
            <a:extLst>
              <a:ext uri="{FF2B5EF4-FFF2-40B4-BE49-F238E27FC236}">
                <a16:creationId xmlns:a16="http://schemas.microsoft.com/office/drawing/2014/main" id="{334276D4-69E8-479D-9F34-5E846D41D7C3}"/>
              </a:ext>
            </a:extLst>
          </p:cNvPr>
          <p:cNvSpPr>
            <a:spLocks noGrp="1"/>
          </p:cNvSpPr>
          <p:nvPr>
            <p:ph type="body" sz="quarter" idx="23"/>
          </p:nvPr>
        </p:nvSpPr>
        <p:spPr bwMode="gray">
          <a:xfrm>
            <a:off x="263524" y="3532205"/>
            <a:ext cx="352821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39" name="Text Placeholder 11">
            <a:extLst>
              <a:ext uri="{FF2B5EF4-FFF2-40B4-BE49-F238E27FC236}">
                <a16:creationId xmlns:a16="http://schemas.microsoft.com/office/drawing/2014/main" id="{D78A5E39-BD74-4E47-BCC6-1789A4ECF3F4}"/>
              </a:ext>
            </a:extLst>
          </p:cNvPr>
          <p:cNvSpPr>
            <a:spLocks noGrp="1"/>
          </p:cNvSpPr>
          <p:nvPr>
            <p:ph type="body" sz="quarter" idx="24"/>
          </p:nvPr>
        </p:nvSpPr>
        <p:spPr bwMode="gray">
          <a:xfrm>
            <a:off x="4325749" y="3532205"/>
            <a:ext cx="3528036"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0" name="Text Placeholder 11">
            <a:extLst>
              <a:ext uri="{FF2B5EF4-FFF2-40B4-BE49-F238E27FC236}">
                <a16:creationId xmlns:a16="http://schemas.microsoft.com/office/drawing/2014/main" id="{25E45DFB-3F74-413C-840C-C77358A01D7D}"/>
              </a:ext>
            </a:extLst>
          </p:cNvPr>
          <p:cNvSpPr>
            <a:spLocks noGrp="1"/>
          </p:cNvSpPr>
          <p:nvPr>
            <p:ph type="body" sz="quarter" idx="25"/>
          </p:nvPr>
        </p:nvSpPr>
        <p:spPr bwMode="gray">
          <a:xfrm>
            <a:off x="8381696" y="3532205"/>
            <a:ext cx="3546779"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41" name="Content Placeholder 3">
            <a:extLst>
              <a:ext uri="{FF2B5EF4-FFF2-40B4-BE49-F238E27FC236}">
                <a16:creationId xmlns:a16="http://schemas.microsoft.com/office/drawing/2014/main" id="{12C3E05B-F4DE-48A5-96D0-3C4010D5B8F8}"/>
              </a:ext>
            </a:extLst>
          </p:cNvPr>
          <p:cNvSpPr>
            <a:spLocks noGrp="1"/>
          </p:cNvSpPr>
          <p:nvPr>
            <p:ph sz="quarter" idx="26"/>
          </p:nvPr>
        </p:nvSpPr>
        <p:spPr bwMode="gray">
          <a:xfrm>
            <a:off x="4325750" y="3903424"/>
            <a:ext cx="3528034"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2" name="Content Placeholder 3">
            <a:extLst>
              <a:ext uri="{FF2B5EF4-FFF2-40B4-BE49-F238E27FC236}">
                <a16:creationId xmlns:a16="http://schemas.microsoft.com/office/drawing/2014/main" id="{732C4B7D-BBBD-47FD-B2B2-17406547E1D4}"/>
              </a:ext>
            </a:extLst>
          </p:cNvPr>
          <p:cNvSpPr>
            <a:spLocks noGrp="1"/>
          </p:cNvSpPr>
          <p:nvPr>
            <p:ph sz="quarter" idx="27"/>
          </p:nvPr>
        </p:nvSpPr>
        <p:spPr bwMode="gray">
          <a:xfrm>
            <a:off x="8381697" y="3903424"/>
            <a:ext cx="3546779"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3" name="Content Placeholder 3">
            <a:extLst>
              <a:ext uri="{FF2B5EF4-FFF2-40B4-BE49-F238E27FC236}">
                <a16:creationId xmlns:a16="http://schemas.microsoft.com/office/drawing/2014/main" id="{991CCDC2-331B-485D-A908-198D803BF9B8}"/>
              </a:ext>
            </a:extLst>
          </p:cNvPr>
          <p:cNvSpPr>
            <a:spLocks noGrp="1"/>
          </p:cNvSpPr>
          <p:nvPr>
            <p:ph sz="quarter" idx="28"/>
          </p:nvPr>
        </p:nvSpPr>
        <p:spPr bwMode="gray">
          <a:xfrm>
            <a:off x="263524" y="3903424"/>
            <a:ext cx="3528219"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7" name="Content Placeholder 6">
            <a:extLst>
              <a:ext uri="{FF2B5EF4-FFF2-40B4-BE49-F238E27FC236}">
                <a16:creationId xmlns:a16="http://schemas.microsoft.com/office/drawing/2014/main" id="{FF461397-9E3E-4AF0-993E-CDCD014A8749}"/>
              </a:ext>
            </a:extLst>
          </p:cNvPr>
          <p:cNvSpPr>
            <a:spLocks noGrp="1"/>
          </p:cNvSpPr>
          <p:nvPr>
            <p:ph sz="quarter" idx="43" hasCustomPrompt="1"/>
          </p:nvPr>
        </p:nvSpPr>
        <p:spPr>
          <a:xfrm>
            <a:off x="26352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28" name="Content Placeholder 6">
            <a:extLst>
              <a:ext uri="{FF2B5EF4-FFF2-40B4-BE49-F238E27FC236}">
                <a16:creationId xmlns:a16="http://schemas.microsoft.com/office/drawing/2014/main" id="{A6A7DFB3-349A-4DAD-B217-CF4EC389CA56}"/>
              </a:ext>
            </a:extLst>
          </p:cNvPr>
          <p:cNvSpPr>
            <a:spLocks noGrp="1"/>
          </p:cNvSpPr>
          <p:nvPr>
            <p:ph sz="quarter" idx="44" hasCustomPrompt="1"/>
          </p:nvPr>
        </p:nvSpPr>
        <p:spPr>
          <a:xfrm>
            <a:off x="432556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29" name="Content Placeholder 6">
            <a:extLst>
              <a:ext uri="{FF2B5EF4-FFF2-40B4-BE49-F238E27FC236}">
                <a16:creationId xmlns:a16="http://schemas.microsoft.com/office/drawing/2014/main" id="{8F31884C-A4A7-4688-ACCF-FD03ED05AA24}"/>
              </a:ext>
            </a:extLst>
          </p:cNvPr>
          <p:cNvSpPr>
            <a:spLocks noGrp="1"/>
          </p:cNvSpPr>
          <p:nvPr>
            <p:ph sz="quarter" idx="45" hasCustomPrompt="1"/>
          </p:nvPr>
        </p:nvSpPr>
        <p:spPr>
          <a:xfrm>
            <a:off x="8381692"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22" name="Picture Placeholder 24">
            <a:extLst>
              <a:ext uri="{FF2B5EF4-FFF2-40B4-BE49-F238E27FC236}">
                <a16:creationId xmlns:a16="http://schemas.microsoft.com/office/drawing/2014/main" id="{AC344F38-9189-4DF0-B7AA-36D855DF2664}"/>
              </a:ext>
            </a:extLst>
          </p:cNvPr>
          <p:cNvSpPr>
            <a:spLocks noGrp="1"/>
          </p:cNvSpPr>
          <p:nvPr>
            <p:ph type="pic" sz="quarter" idx="33" hasCustomPrompt="1"/>
          </p:nvPr>
        </p:nvSpPr>
        <p:spPr>
          <a:xfrm>
            <a:off x="264913" y="3416161"/>
            <a:ext cx="3528000" cy="28800"/>
          </a:xfrm>
          <a:solidFill>
            <a:schemeClr val="tx2"/>
          </a:solidFill>
          <a:ln>
            <a:noFill/>
          </a:ln>
        </p:spPr>
        <p:txBody>
          <a:bodyPr/>
          <a:lstStyle>
            <a:lvl1pPr>
              <a:defRPr sz="100"/>
            </a:lvl1pPr>
          </a:lstStyle>
          <a:p>
            <a:r>
              <a:rPr lang="en-US" dirty="0"/>
              <a:t>.</a:t>
            </a:r>
          </a:p>
        </p:txBody>
      </p:sp>
      <p:sp>
        <p:nvSpPr>
          <p:cNvPr id="23" name="Picture Placeholder 24">
            <a:extLst>
              <a:ext uri="{FF2B5EF4-FFF2-40B4-BE49-F238E27FC236}">
                <a16:creationId xmlns:a16="http://schemas.microsoft.com/office/drawing/2014/main" id="{88A8D72B-481C-4915-BDD5-84F33CD0D326}"/>
              </a:ext>
            </a:extLst>
          </p:cNvPr>
          <p:cNvSpPr>
            <a:spLocks noGrp="1"/>
          </p:cNvSpPr>
          <p:nvPr>
            <p:ph type="pic" sz="quarter" idx="34" hasCustomPrompt="1"/>
          </p:nvPr>
        </p:nvSpPr>
        <p:spPr>
          <a:xfrm>
            <a:off x="4325785" y="3416161"/>
            <a:ext cx="3528000" cy="28800"/>
          </a:xfrm>
          <a:solidFill>
            <a:schemeClr val="tx1"/>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A1BCB47C-BD27-4922-A21C-D0A18902CEE2}"/>
              </a:ext>
            </a:extLst>
          </p:cNvPr>
          <p:cNvSpPr>
            <a:spLocks noGrp="1"/>
          </p:cNvSpPr>
          <p:nvPr>
            <p:ph type="pic" sz="quarter" idx="46" hasCustomPrompt="1"/>
          </p:nvPr>
        </p:nvSpPr>
        <p:spPr>
          <a:xfrm>
            <a:off x="8400475" y="3416161"/>
            <a:ext cx="3528000" cy="28800"/>
          </a:xfrm>
          <a:solidFill>
            <a:schemeClr val="accent4"/>
          </a:solidFill>
          <a:ln>
            <a:noFill/>
          </a:ln>
        </p:spPr>
        <p:txBody>
          <a:bodyPr/>
          <a:lstStyle>
            <a:lvl1pPr>
              <a:defRPr sz="100"/>
            </a:lvl1pPr>
          </a:lstStyle>
          <a:p>
            <a:r>
              <a:rPr lang="en-US" dirty="0"/>
              <a:t>.</a:t>
            </a:r>
          </a:p>
        </p:txBody>
      </p:sp>
      <p:sp>
        <p:nvSpPr>
          <p:cNvPr id="19" name="Title 1">
            <a:extLst>
              <a:ext uri="{FF2B5EF4-FFF2-40B4-BE49-F238E27FC236}">
                <a16:creationId xmlns:a16="http://schemas.microsoft.com/office/drawing/2014/main" id="{5A74342C-ADC8-4817-82CE-51621131984D}"/>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8" name="TextBox 17">
            <a:extLst>
              <a:ext uri="{FF2B5EF4-FFF2-40B4-BE49-F238E27FC236}">
                <a16:creationId xmlns:a16="http://schemas.microsoft.com/office/drawing/2014/main" id="{FB2ADC8B-0840-412C-9EF7-4083C01225C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28323526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4) &amp; Content (4) &amp; Numbers (4)">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31" name="Text Placeholder 11">
            <a:extLst>
              <a:ext uri="{FF2B5EF4-FFF2-40B4-BE49-F238E27FC236}">
                <a16:creationId xmlns:a16="http://schemas.microsoft.com/office/drawing/2014/main" id="{D1D57BDC-6E92-486A-AE2C-5DDC13E1D23C}"/>
              </a:ext>
            </a:extLst>
          </p:cNvPr>
          <p:cNvSpPr>
            <a:spLocks noGrp="1"/>
          </p:cNvSpPr>
          <p:nvPr>
            <p:ph type="body" sz="quarter" idx="26"/>
          </p:nvPr>
        </p:nvSpPr>
        <p:spPr bwMode="gray">
          <a:xfrm>
            <a:off x="263525"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a:t>
            </a:r>
          </a:p>
        </p:txBody>
      </p:sp>
      <p:sp>
        <p:nvSpPr>
          <p:cNvPr id="32" name="Content Placeholder 3">
            <a:extLst>
              <a:ext uri="{FF2B5EF4-FFF2-40B4-BE49-F238E27FC236}">
                <a16:creationId xmlns:a16="http://schemas.microsoft.com/office/drawing/2014/main" id="{02392784-44EE-4314-84BD-B868C1661DD3}"/>
              </a:ext>
            </a:extLst>
          </p:cNvPr>
          <p:cNvSpPr>
            <a:spLocks noGrp="1"/>
          </p:cNvSpPr>
          <p:nvPr>
            <p:ph sz="quarter" idx="28"/>
          </p:nvPr>
        </p:nvSpPr>
        <p:spPr bwMode="gray">
          <a:xfrm>
            <a:off x="263525"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3" name="Text Placeholder 11">
            <a:extLst>
              <a:ext uri="{FF2B5EF4-FFF2-40B4-BE49-F238E27FC236}">
                <a16:creationId xmlns:a16="http://schemas.microsoft.com/office/drawing/2014/main" id="{3D96C7B1-1BCB-4F43-BFC8-1399F3D13547}"/>
              </a:ext>
            </a:extLst>
          </p:cNvPr>
          <p:cNvSpPr>
            <a:spLocks noGrp="1"/>
          </p:cNvSpPr>
          <p:nvPr>
            <p:ph type="body" sz="quarter" idx="29"/>
          </p:nvPr>
        </p:nvSpPr>
        <p:spPr bwMode="gray">
          <a:xfrm>
            <a:off x="3251841"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a:t>
            </a:r>
          </a:p>
        </p:txBody>
      </p:sp>
      <p:sp>
        <p:nvSpPr>
          <p:cNvPr id="34" name="Content Placeholder 3">
            <a:extLst>
              <a:ext uri="{FF2B5EF4-FFF2-40B4-BE49-F238E27FC236}">
                <a16:creationId xmlns:a16="http://schemas.microsoft.com/office/drawing/2014/main" id="{CDAC2527-DFB4-4638-8DCD-E04B936CE13D}"/>
              </a:ext>
            </a:extLst>
          </p:cNvPr>
          <p:cNvSpPr>
            <a:spLocks noGrp="1"/>
          </p:cNvSpPr>
          <p:nvPr>
            <p:ph sz="quarter" idx="30"/>
          </p:nvPr>
        </p:nvSpPr>
        <p:spPr bwMode="gray">
          <a:xfrm>
            <a:off x="3251841"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5" name="Text Placeholder 11">
            <a:extLst>
              <a:ext uri="{FF2B5EF4-FFF2-40B4-BE49-F238E27FC236}">
                <a16:creationId xmlns:a16="http://schemas.microsoft.com/office/drawing/2014/main" id="{AB5DAA13-2760-45CC-A6EC-7BEB802406FC}"/>
              </a:ext>
            </a:extLst>
          </p:cNvPr>
          <p:cNvSpPr>
            <a:spLocks noGrp="1"/>
          </p:cNvSpPr>
          <p:nvPr>
            <p:ph type="body" sz="quarter" idx="31"/>
          </p:nvPr>
        </p:nvSpPr>
        <p:spPr bwMode="gray">
          <a:xfrm>
            <a:off x="6240158"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a:t>
            </a:r>
          </a:p>
        </p:txBody>
      </p:sp>
      <p:sp>
        <p:nvSpPr>
          <p:cNvPr id="36" name="Content Placeholder 3">
            <a:extLst>
              <a:ext uri="{FF2B5EF4-FFF2-40B4-BE49-F238E27FC236}">
                <a16:creationId xmlns:a16="http://schemas.microsoft.com/office/drawing/2014/main" id="{8E59A62E-84C3-48BA-868C-E3454A6916E1}"/>
              </a:ext>
            </a:extLst>
          </p:cNvPr>
          <p:cNvSpPr>
            <a:spLocks noGrp="1"/>
          </p:cNvSpPr>
          <p:nvPr>
            <p:ph sz="quarter" idx="32"/>
          </p:nvPr>
        </p:nvSpPr>
        <p:spPr bwMode="gray">
          <a:xfrm>
            <a:off x="6240158"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7" name="Text Placeholder 11">
            <a:extLst>
              <a:ext uri="{FF2B5EF4-FFF2-40B4-BE49-F238E27FC236}">
                <a16:creationId xmlns:a16="http://schemas.microsoft.com/office/drawing/2014/main" id="{79BBCBA5-D7D9-4D52-8F30-668C4D95A73A}"/>
              </a:ext>
            </a:extLst>
          </p:cNvPr>
          <p:cNvSpPr>
            <a:spLocks noGrp="1"/>
          </p:cNvSpPr>
          <p:nvPr>
            <p:ph type="body" sz="quarter" idx="33"/>
          </p:nvPr>
        </p:nvSpPr>
        <p:spPr bwMode="gray">
          <a:xfrm>
            <a:off x="9228475" y="3532205"/>
            <a:ext cx="2700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a:t>
            </a:r>
          </a:p>
        </p:txBody>
      </p:sp>
      <p:sp>
        <p:nvSpPr>
          <p:cNvPr id="38" name="Content Placeholder 3">
            <a:extLst>
              <a:ext uri="{FF2B5EF4-FFF2-40B4-BE49-F238E27FC236}">
                <a16:creationId xmlns:a16="http://schemas.microsoft.com/office/drawing/2014/main" id="{F2921E8B-05BF-434D-A65F-66946D72EAE7}"/>
              </a:ext>
            </a:extLst>
          </p:cNvPr>
          <p:cNvSpPr>
            <a:spLocks noGrp="1"/>
          </p:cNvSpPr>
          <p:nvPr>
            <p:ph sz="quarter" idx="34"/>
          </p:nvPr>
        </p:nvSpPr>
        <p:spPr bwMode="gray">
          <a:xfrm>
            <a:off x="9228475" y="3903424"/>
            <a:ext cx="2700000" cy="96573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0" name="Content Placeholder 6">
            <a:extLst>
              <a:ext uri="{FF2B5EF4-FFF2-40B4-BE49-F238E27FC236}">
                <a16:creationId xmlns:a16="http://schemas.microsoft.com/office/drawing/2014/main" id="{D4A65557-9CD2-406D-8B52-6943070AE0AB}"/>
              </a:ext>
            </a:extLst>
          </p:cNvPr>
          <p:cNvSpPr>
            <a:spLocks noGrp="1"/>
          </p:cNvSpPr>
          <p:nvPr>
            <p:ph sz="quarter" idx="44" hasCustomPrompt="1"/>
          </p:nvPr>
        </p:nvSpPr>
        <p:spPr>
          <a:xfrm>
            <a:off x="325184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39" name="Content Placeholder 6">
            <a:extLst>
              <a:ext uri="{FF2B5EF4-FFF2-40B4-BE49-F238E27FC236}">
                <a16:creationId xmlns:a16="http://schemas.microsoft.com/office/drawing/2014/main" id="{018F2D4F-C26A-4C5E-A29A-571528EABD05}"/>
              </a:ext>
            </a:extLst>
          </p:cNvPr>
          <p:cNvSpPr>
            <a:spLocks noGrp="1"/>
          </p:cNvSpPr>
          <p:nvPr>
            <p:ph sz="quarter" idx="45" hasCustomPrompt="1"/>
          </p:nvPr>
        </p:nvSpPr>
        <p:spPr>
          <a:xfrm>
            <a:off x="624015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41" name="Content Placeholder 6">
            <a:extLst>
              <a:ext uri="{FF2B5EF4-FFF2-40B4-BE49-F238E27FC236}">
                <a16:creationId xmlns:a16="http://schemas.microsoft.com/office/drawing/2014/main" id="{6F08678E-73C5-4F03-9E09-85D20BD9B99F}"/>
              </a:ext>
            </a:extLst>
          </p:cNvPr>
          <p:cNvSpPr>
            <a:spLocks noGrp="1"/>
          </p:cNvSpPr>
          <p:nvPr>
            <p:ph sz="quarter" idx="43" hasCustomPrompt="1"/>
          </p:nvPr>
        </p:nvSpPr>
        <p:spPr>
          <a:xfrm>
            <a:off x="263526"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42" name="Content Placeholder 6">
            <a:extLst>
              <a:ext uri="{FF2B5EF4-FFF2-40B4-BE49-F238E27FC236}">
                <a16:creationId xmlns:a16="http://schemas.microsoft.com/office/drawing/2014/main" id="{38A6D437-EBE7-487A-A3B0-DE8D773F65CB}"/>
              </a:ext>
            </a:extLst>
          </p:cNvPr>
          <p:cNvSpPr>
            <a:spLocks noGrp="1"/>
          </p:cNvSpPr>
          <p:nvPr>
            <p:ph sz="quarter" idx="46" hasCustomPrompt="1"/>
          </p:nvPr>
        </p:nvSpPr>
        <p:spPr>
          <a:xfrm>
            <a:off x="9228471" y="2341885"/>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4.</a:t>
            </a:r>
          </a:p>
        </p:txBody>
      </p:sp>
      <p:sp>
        <p:nvSpPr>
          <p:cNvPr id="22" name="Picture Placeholder 24">
            <a:extLst>
              <a:ext uri="{FF2B5EF4-FFF2-40B4-BE49-F238E27FC236}">
                <a16:creationId xmlns:a16="http://schemas.microsoft.com/office/drawing/2014/main" id="{296EF94D-388C-4665-A879-39D6F7DC9D27}"/>
              </a:ext>
            </a:extLst>
          </p:cNvPr>
          <p:cNvSpPr>
            <a:spLocks noGrp="1"/>
          </p:cNvSpPr>
          <p:nvPr>
            <p:ph type="pic" sz="quarter" idx="47" hasCustomPrompt="1"/>
          </p:nvPr>
        </p:nvSpPr>
        <p:spPr>
          <a:xfrm>
            <a:off x="264913" y="3416161"/>
            <a:ext cx="2700000" cy="28800"/>
          </a:xfrm>
          <a:solidFill>
            <a:schemeClr val="tx2"/>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C64195CF-267F-41D7-B6B2-0AB7B5AC3077}"/>
              </a:ext>
            </a:extLst>
          </p:cNvPr>
          <p:cNvSpPr>
            <a:spLocks noGrp="1"/>
          </p:cNvSpPr>
          <p:nvPr>
            <p:ph type="pic" sz="quarter" idx="48" hasCustomPrompt="1"/>
          </p:nvPr>
        </p:nvSpPr>
        <p:spPr>
          <a:xfrm>
            <a:off x="3252767" y="3416161"/>
            <a:ext cx="2700000" cy="28800"/>
          </a:xfrm>
          <a:solidFill>
            <a:schemeClr val="tx2"/>
          </a:solidFill>
          <a:ln>
            <a:noFill/>
          </a:ln>
        </p:spPr>
        <p:txBody>
          <a:bodyPr/>
          <a:lstStyle>
            <a:lvl1pPr>
              <a:defRPr sz="100"/>
            </a:lvl1pPr>
          </a:lstStyle>
          <a:p>
            <a:r>
              <a:rPr lang="en-US" dirty="0"/>
              <a:t>.</a:t>
            </a:r>
          </a:p>
        </p:txBody>
      </p:sp>
      <p:sp>
        <p:nvSpPr>
          <p:cNvPr id="29" name="Picture Placeholder 24">
            <a:extLst>
              <a:ext uri="{FF2B5EF4-FFF2-40B4-BE49-F238E27FC236}">
                <a16:creationId xmlns:a16="http://schemas.microsoft.com/office/drawing/2014/main" id="{6A6F9F34-D8F3-431A-AEF8-83B51A0E743A}"/>
              </a:ext>
            </a:extLst>
          </p:cNvPr>
          <p:cNvSpPr>
            <a:spLocks noGrp="1"/>
          </p:cNvSpPr>
          <p:nvPr>
            <p:ph type="pic" sz="quarter" idx="49" hasCustomPrompt="1"/>
          </p:nvPr>
        </p:nvSpPr>
        <p:spPr>
          <a:xfrm>
            <a:off x="6240621" y="3416161"/>
            <a:ext cx="2700000" cy="28800"/>
          </a:xfrm>
          <a:solidFill>
            <a:schemeClr val="tx2"/>
          </a:solidFill>
          <a:ln>
            <a:noFill/>
          </a:ln>
        </p:spPr>
        <p:txBody>
          <a:bodyPr/>
          <a:lstStyle>
            <a:lvl1pPr>
              <a:defRPr sz="100"/>
            </a:lvl1pPr>
          </a:lstStyle>
          <a:p>
            <a:r>
              <a:rPr lang="en-US" dirty="0"/>
              <a:t>.</a:t>
            </a:r>
          </a:p>
        </p:txBody>
      </p:sp>
      <p:sp>
        <p:nvSpPr>
          <p:cNvPr id="40" name="Picture Placeholder 24">
            <a:extLst>
              <a:ext uri="{FF2B5EF4-FFF2-40B4-BE49-F238E27FC236}">
                <a16:creationId xmlns:a16="http://schemas.microsoft.com/office/drawing/2014/main" id="{02A1C442-43C5-493B-90AD-3182C4447FAB}"/>
              </a:ext>
            </a:extLst>
          </p:cNvPr>
          <p:cNvSpPr>
            <a:spLocks noGrp="1"/>
          </p:cNvSpPr>
          <p:nvPr>
            <p:ph type="pic" sz="quarter" idx="50" hasCustomPrompt="1"/>
          </p:nvPr>
        </p:nvSpPr>
        <p:spPr>
          <a:xfrm>
            <a:off x="9228475" y="3416161"/>
            <a:ext cx="2700000" cy="28800"/>
          </a:xfrm>
          <a:solidFill>
            <a:schemeClr val="tx2"/>
          </a:solidFill>
          <a:ln>
            <a:noFill/>
          </a:ln>
        </p:spPr>
        <p:txBody>
          <a:bodyPr/>
          <a:lstStyle>
            <a:lvl1pPr>
              <a:defRPr sz="100"/>
            </a:lvl1pPr>
          </a:lstStyle>
          <a:p>
            <a:r>
              <a:rPr lang="en-US" dirty="0"/>
              <a:t>.</a:t>
            </a:r>
          </a:p>
        </p:txBody>
      </p:sp>
      <p:sp>
        <p:nvSpPr>
          <p:cNvPr id="24" name="Title 1">
            <a:extLst>
              <a:ext uri="{FF2B5EF4-FFF2-40B4-BE49-F238E27FC236}">
                <a16:creationId xmlns:a16="http://schemas.microsoft.com/office/drawing/2014/main" id="{9F5DB350-91E1-4DA9-BF69-38FC41505E63}"/>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3" name="TextBox 22">
            <a:extLst>
              <a:ext uri="{FF2B5EF4-FFF2-40B4-BE49-F238E27FC236}">
                <a16:creationId xmlns:a16="http://schemas.microsoft.com/office/drawing/2014/main" id="{84CD2498-8C02-4783-9BC4-21C0A5585CB2}"/>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83788149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3) &amp; Content (6) &amp; Numbers (3)">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27" name="Text Placeholder 11">
            <a:extLst>
              <a:ext uri="{FF2B5EF4-FFF2-40B4-BE49-F238E27FC236}">
                <a16:creationId xmlns:a16="http://schemas.microsoft.com/office/drawing/2014/main" id="{EBB36A58-C548-4E9E-85C3-DEB5102C5138}"/>
              </a:ext>
            </a:extLst>
          </p:cNvPr>
          <p:cNvSpPr>
            <a:spLocks noGrp="1"/>
          </p:cNvSpPr>
          <p:nvPr>
            <p:ph type="body" sz="quarter" idx="25"/>
          </p:nvPr>
        </p:nvSpPr>
        <p:spPr bwMode="gray">
          <a:xfrm>
            <a:off x="1787157" y="4985012"/>
            <a:ext cx="1868031"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28" name="Text Placeholder 11">
            <a:extLst>
              <a:ext uri="{FF2B5EF4-FFF2-40B4-BE49-F238E27FC236}">
                <a16:creationId xmlns:a16="http://schemas.microsoft.com/office/drawing/2014/main" id="{A8E13FBB-E82B-48DF-885F-E6FC647B2E9F}"/>
              </a:ext>
            </a:extLst>
          </p:cNvPr>
          <p:cNvSpPr>
            <a:spLocks noGrp="1"/>
          </p:cNvSpPr>
          <p:nvPr>
            <p:ph type="body" sz="quarter" idx="23"/>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29" name="Text Placeholder 11">
            <a:extLst>
              <a:ext uri="{FF2B5EF4-FFF2-40B4-BE49-F238E27FC236}">
                <a16:creationId xmlns:a16="http://schemas.microsoft.com/office/drawing/2014/main" id="{BEE4DB48-EE10-4614-9031-A00AE1B5E196}"/>
              </a:ext>
            </a:extLst>
          </p:cNvPr>
          <p:cNvSpPr>
            <a:spLocks noGrp="1"/>
          </p:cNvSpPr>
          <p:nvPr>
            <p:ph type="body" sz="quarter" idx="24"/>
          </p:nvPr>
        </p:nvSpPr>
        <p:spPr bwMode="gray">
          <a:xfrm>
            <a:off x="1770499" y="3240301"/>
            <a:ext cx="1878631"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30" name="Content Placeholder 3">
            <a:extLst>
              <a:ext uri="{FF2B5EF4-FFF2-40B4-BE49-F238E27FC236}">
                <a16:creationId xmlns:a16="http://schemas.microsoft.com/office/drawing/2014/main" id="{65119589-6F57-4A69-9736-D33271CF00E2}"/>
              </a:ext>
            </a:extLst>
          </p:cNvPr>
          <p:cNvSpPr>
            <a:spLocks noGrp="1"/>
          </p:cNvSpPr>
          <p:nvPr>
            <p:ph sz="quarter" idx="26"/>
          </p:nvPr>
        </p:nvSpPr>
        <p:spPr bwMode="gray">
          <a:xfrm>
            <a:off x="1770502" y="1844826"/>
            <a:ext cx="1878630" cy="100810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1" name="Content Placeholder 3">
            <a:extLst>
              <a:ext uri="{FF2B5EF4-FFF2-40B4-BE49-F238E27FC236}">
                <a16:creationId xmlns:a16="http://schemas.microsoft.com/office/drawing/2014/main" id="{628A1FB3-6503-43D5-9169-34BFEED09C8F}"/>
              </a:ext>
            </a:extLst>
          </p:cNvPr>
          <p:cNvSpPr>
            <a:spLocks noGrp="1"/>
          </p:cNvSpPr>
          <p:nvPr>
            <p:ph sz="quarter" idx="27"/>
          </p:nvPr>
        </p:nvSpPr>
        <p:spPr bwMode="gray">
          <a:xfrm>
            <a:off x="1770502" y="3600531"/>
            <a:ext cx="1878630" cy="982330"/>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2" name="Content Placeholder 3">
            <a:extLst>
              <a:ext uri="{FF2B5EF4-FFF2-40B4-BE49-F238E27FC236}">
                <a16:creationId xmlns:a16="http://schemas.microsoft.com/office/drawing/2014/main" id="{1C5AA962-6BDD-4F47-9221-9D1520C30F36}"/>
              </a:ext>
            </a:extLst>
          </p:cNvPr>
          <p:cNvSpPr>
            <a:spLocks noGrp="1"/>
          </p:cNvSpPr>
          <p:nvPr>
            <p:ph sz="quarter" idx="28"/>
          </p:nvPr>
        </p:nvSpPr>
        <p:spPr bwMode="gray">
          <a:xfrm>
            <a:off x="1770502" y="5362908"/>
            <a:ext cx="1878630" cy="982330"/>
          </a:xfrm>
        </p:spPr>
        <p:txBody>
          <a:bodyPr lIns="0" tIns="0" rIns="0" bIns="0"/>
          <a:lstStyle>
            <a:lvl1pPr>
              <a:lnSpc>
                <a:spcPct val="100000"/>
              </a:lnSpc>
              <a:spcBef>
                <a:spcPts val="600"/>
              </a:spcBef>
              <a:defRPr/>
            </a:lvl1pPr>
            <a:lvl2pPr marL="0" indent="0">
              <a:lnSpc>
                <a:spcPct val="100000"/>
              </a:lnSpc>
              <a:spcBef>
                <a:spcPts val="600"/>
              </a:spcBef>
              <a:buNone/>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48" name="Content Placeholder 3">
            <a:extLst>
              <a:ext uri="{FF2B5EF4-FFF2-40B4-BE49-F238E27FC236}">
                <a16:creationId xmlns:a16="http://schemas.microsoft.com/office/drawing/2014/main" id="{2F992E05-4AC2-4005-9AA5-948676B96ADD}"/>
              </a:ext>
            </a:extLst>
          </p:cNvPr>
          <p:cNvSpPr>
            <a:spLocks noGrp="1"/>
          </p:cNvSpPr>
          <p:nvPr>
            <p:ph sz="quarter" idx="29"/>
          </p:nvPr>
        </p:nvSpPr>
        <p:spPr bwMode="gray">
          <a:xfrm>
            <a:off x="3921690" y="1376172"/>
            <a:ext cx="8006785" cy="1476762"/>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9" name="Content Placeholder 3">
            <a:extLst>
              <a:ext uri="{FF2B5EF4-FFF2-40B4-BE49-F238E27FC236}">
                <a16:creationId xmlns:a16="http://schemas.microsoft.com/office/drawing/2014/main" id="{C7D8B73D-DFFB-4564-9913-1F4A91652E6B}"/>
              </a:ext>
            </a:extLst>
          </p:cNvPr>
          <p:cNvSpPr>
            <a:spLocks noGrp="1"/>
          </p:cNvSpPr>
          <p:nvPr>
            <p:ph sz="quarter" idx="30"/>
          </p:nvPr>
        </p:nvSpPr>
        <p:spPr bwMode="gray">
          <a:xfrm>
            <a:off x="3921690" y="3125397"/>
            <a:ext cx="8006785"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0" name="Content Placeholder 3">
            <a:extLst>
              <a:ext uri="{FF2B5EF4-FFF2-40B4-BE49-F238E27FC236}">
                <a16:creationId xmlns:a16="http://schemas.microsoft.com/office/drawing/2014/main" id="{26FC5483-9CF4-4306-8EF5-D9A805A0E36F}"/>
              </a:ext>
            </a:extLst>
          </p:cNvPr>
          <p:cNvSpPr>
            <a:spLocks noGrp="1"/>
          </p:cNvSpPr>
          <p:nvPr>
            <p:ph sz="quarter" idx="31"/>
          </p:nvPr>
        </p:nvSpPr>
        <p:spPr bwMode="gray">
          <a:xfrm>
            <a:off x="3921690" y="4887774"/>
            <a:ext cx="8006785" cy="1457464"/>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8" name="Content Placeholder 6">
            <a:extLst>
              <a:ext uri="{FF2B5EF4-FFF2-40B4-BE49-F238E27FC236}">
                <a16:creationId xmlns:a16="http://schemas.microsoft.com/office/drawing/2014/main" id="{DCC4896F-69DF-4D11-A491-DA33D9164972}"/>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40" name="Content Placeholder 6">
            <a:extLst>
              <a:ext uri="{FF2B5EF4-FFF2-40B4-BE49-F238E27FC236}">
                <a16:creationId xmlns:a16="http://schemas.microsoft.com/office/drawing/2014/main" id="{5A29EB00-5838-45B7-BA3A-198B03500529}"/>
              </a:ext>
            </a:extLst>
          </p:cNvPr>
          <p:cNvSpPr>
            <a:spLocks noGrp="1"/>
          </p:cNvSpPr>
          <p:nvPr>
            <p:ph sz="quarter" idx="44" hasCustomPrompt="1"/>
          </p:nvPr>
        </p:nvSpPr>
        <p:spPr>
          <a:xfrm>
            <a:off x="276908" y="3132069"/>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41" name="Content Placeholder 6">
            <a:extLst>
              <a:ext uri="{FF2B5EF4-FFF2-40B4-BE49-F238E27FC236}">
                <a16:creationId xmlns:a16="http://schemas.microsoft.com/office/drawing/2014/main" id="{FC50032A-194E-4086-A0FB-0D581FA9C5E7}"/>
              </a:ext>
            </a:extLst>
          </p:cNvPr>
          <p:cNvSpPr>
            <a:spLocks noGrp="1"/>
          </p:cNvSpPr>
          <p:nvPr>
            <p:ph sz="quarter" idx="45" hasCustomPrompt="1"/>
          </p:nvPr>
        </p:nvSpPr>
        <p:spPr>
          <a:xfrm>
            <a:off x="276908" y="4887774"/>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43" name="Picture Placeholder 24">
            <a:extLst>
              <a:ext uri="{FF2B5EF4-FFF2-40B4-BE49-F238E27FC236}">
                <a16:creationId xmlns:a16="http://schemas.microsoft.com/office/drawing/2014/main" id="{335E44AA-B43E-4F52-814F-98C557DA0881}"/>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00"/>
            </a:lvl1pPr>
          </a:lstStyle>
          <a:p>
            <a:r>
              <a:rPr lang="en-US" dirty="0"/>
              <a:t>.</a:t>
            </a:r>
          </a:p>
        </p:txBody>
      </p:sp>
      <p:sp>
        <p:nvSpPr>
          <p:cNvPr id="44" name="Picture Placeholder 24">
            <a:extLst>
              <a:ext uri="{FF2B5EF4-FFF2-40B4-BE49-F238E27FC236}">
                <a16:creationId xmlns:a16="http://schemas.microsoft.com/office/drawing/2014/main" id="{F0C6338A-A71B-4CAC-AF5B-74478A59D15D}"/>
              </a:ext>
            </a:extLst>
          </p:cNvPr>
          <p:cNvSpPr>
            <a:spLocks noGrp="1"/>
          </p:cNvSpPr>
          <p:nvPr>
            <p:ph type="pic" sz="quarter" idx="36" hasCustomPrompt="1"/>
          </p:nvPr>
        </p:nvSpPr>
        <p:spPr>
          <a:xfrm>
            <a:off x="1777133" y="3128036"/>
            <a:ext cx="1872000" cy="28800"/>
          </a:xfrm>
          <a:solidFill>
            <a:schemeClr val="tx1"/>
          </a:solidFill>
          <a:ln>
            <a:noFill/>
          </a:ln>
        </p:spPr>
        <p:txBody>
          <a:bodyPr/>
          <a:lstStyle>
            <a:lvl1pPr>
              <a:defRPr sz="100"/>
            </a:lvl1pPr>
          </a:lstStyle>
          <a:p>
            <a:r>
              <a:rPr lang="en-US" dirty="0"/>
              <a:t>.</a:t>
            </a:r>
          </a:p>
        </p:txBody>
      </p:sp>
      <p:sp>
        <p:nvSpPr>
          <p:cNvPr id="45" name="Picture Placeholder 24">
            <a:extLst>
              <a:ext uri="{FF2B5EF4-FFF2-40B4-BE49-F238E27FC236}">
                <a16:creationId xmlns:a16="http://schemas.microsoft.com/office/drawing/2014/main" id="{2C43BC57-4FA2-4A87-9028-F10631A3AE13}"/>
              </a:ext>
            </a:extLst>
          </p:cNvPr>
          <p:cNvSpPr>
            <a:spLocks noGrp="1"/>
          </p:cNvSpPr>
          <p:nvPr>
            <p:ph type="pic" sz="quarter" idx="37" hasCustomPrompt="1"/>
          </p:nvPr>
        </p:nvSpPr>
        <p:spPr>
          <a:xfrm>
            <a:off x="1777133" y="4873374"/>
            <a:ext cx="1872000" cy="28800"/>
          </a:xfrm>
          <a:solidFill>
            <a:schemeClr val="accent4"/>
          </a:solidFill>
          <a:ln>
            <a:noFill/>
          </a:ln>
        </p:spPr>
        <p:txBody>
          <a:bodyPr/>
          <a:lstStyle>
            <a:lvl1pPr>
              <a:defRPr sz="100"/>
            </a:lvl1pPr>
          </a:lstStyle>
          <a:p>
            <a:r>
              <a:rPr lang="en-US" dirty="0"/>
              <a:t>.</a:t>
            </a:r>
          </a:p>
        </p:txBody>
      </p:sp>
      <p:sp>
        <p:nvSpPr>
          <p:cNvPr id="22" name="Title 1">
            <a:extLst>
              <a:ext uri="{FF2B5EF4-FFF2-40B4-BE49-F238E27FC236}">
                <a16:creationId xmlns:a16="http://schemas.microsoft.com/office/drawing/2014/main" id="{69A314F6-1FEB-4F11-806C-E3D4AD539CEE}"/>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1" name="TextBox 20">
            <a:extLst>
              <a:ext uri="{FF2B5EF4-FFF2-40B4-BE49-F238E27FC236}">
                <a16:creationId xmlns:a16="http://schemas.microsoft.com/office/drawing/2014/main" id="{03E06BB2-0B17-4D61-8854-91B28E71D3A9}"/>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330307552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able of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BD04DA-BB47-4750-8A44-88B15E82698A}"/>
              </a:ext>
            </a:extLst>
          </p:cNvPr>
          <p:cNvSpPr>
            <a:spLocks noGrp="1"/>
          </p:cNvSpPr>
          <p:nvPr>
            <p:ph type="ctrTitle" hasCustomPrompt="1"/>
          </p:nvPr>
        </p:nvSpPr>
        <p:spPr>
          <a:xfrm>
            <a:off x="1598907" y="1990949"/>
            <a:ext cx="8815185" cy="494203"/>
          </a:xfrm>
        </p:spPr>
        <p:txBody>
          <a:bodyPr anchor="t"/>
          <a:lstStyle>
            <a:lvl1pPr algn="l">
              <a:defRPr sz="3200">
                <a:solidFill>
                  <a:schemeClr val="tx1"/>
                </a:solidFill>
              </a:defRPr>
            </a:lvl1pPr>
          </a:lstStyle>
          <a:p>
            <a:r>
              <a:rPr lang="en-US" dirty="0"/>
              <a:t>Table of Contents</a:t>
            </a:r>
          </a:p>
        </p:txBody>
      </p:sp>
      <p:sp>
        <p:nvSpPr>
          <p:cNvPr id="3" name="Subtitle 2">
            <a:extLst>
              <a:ext uri="{FF2B5EF4-FFF2-40B4-BE49-F238E27FC236}">
                <a16:creationId xmlns:a16="http://schemas.microsoft.com/office/drawing/2014/main" id="{177D401E-C526-460A-93D8-F3AC71E51603}"/>
              </a:ext>
            </a:extLst>
          </p:cNvPr>
          <p:cNvSpPr>
            <a:spLocks noGrp="1"/>
          </p:cNvSpPr>
          <p:nvPr>
            <p:ph type="subTitle" idx="1" hasCustomPrompt="1"/>
          </p:nvPr>
        </p:nvSpPr>
        <p:spPr>
          <a:xfrm>
            <a:off x="1598907" y="3238500"/>
            <a:ext cx="8815185" cy="3106738"/>
          </a:xfrm>
        </p:spPr>
        <p:txBody>
          <a:bodyPr tIns="0"/>
          <a:lstStyle>
            <a:lvl1pPr marL="457200" marR="0" indent="-457200" algn="l" defTabSz="914400" rtl="0" eaLnBrk="1" fontAlgn="auto" latinLnBrk="0" hangingPunct="1">
              <a:lnSpc>
                <a:spcPct val="90000"/>
              </a:lnSpc>
              <a:spcBef>
                <a:spcPts val="1000"/>
              </a:spcBef>
              <a:spcAft>
                <a:spcPts val="0"/>
              </a:spcAft>
              <a:buClrTx/>
              <a:buSzTx/>
              <a:buFont typeface="+mj-lt"/>
              <a:buAutoNum type="arabicPeriod"/>
              <a:tabLst/>
              <a:defRPr sz="2000" b="0">
                <a:solidFill>
                  <a:schemeClr val="tx1"/>
                </a:solidFill>
                <a:latin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Sample text</a:t>
            </a:r>
          </a:p>
          <a:p>
            <a:r>
              <a:rPr lang="en-US" dirty="0"/>
              <a:t>Sample text</a:t>
            </a:r>
          </a:p>
          <a:p>
            <a:r>
              <a:rPr lang="en-US" dirty="0"/>
              <a:t>Sample text</a:t>
            </a:r>
          </a:p>
          <a:p>
            <a:endParaRPr lang="en-US" dirty="0"/>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3523376" y="6515788"/>
            <a:ext cx="5595424" cy="212400"/>
          </a:xfrm>
          <a:prstGeom prst="rect">
            <a:avLst/>
          </a:prstGeom>
        </p:spPr>
        <p:txBody>
          <a:bodyPr/>
          <a:lstStyle>
            <a:lvl1pPr>
              <a:defRPr>
                <a:solidFill>
                  <a:schemeClr val="accent4"/>
                </a:solidFill>
              </a:defRPr>
            </a:lvl1pPr>
          </a:lstStyle>
          <a:p>
            <a:endParaRPr lang="en-US" dirty="0"/>
          </a:p>
        </p:txBody>
      </p:sp>
      <p:grpSp>
        <p:nvGrpSpPr>
          <p:cNvPr id="8" name="グループ化 39">
            <a:extLst>
              <a:ext uri="{FF2B5EF4-FFF2-40B4-BE49-F238E27FC236}">
                <a16:creationId xmlns:a16="http://schemas.microsoft.com/office/drawing/2014/main" id="{B3FFABD1-269F-4846-BFA7-64B93DCEC6FF}"/>
              </a:ext>
            </a:extLst>
          </p:cNvPr>
          <p:cNvGrpSpPr/>
          <p:nvPr userDrawn="1"/>
        </p:nvGrpSpPr>
        <p:grpSpPr bwMode="gray">
          <a:xfrm>
            <a:off x="263526" y="2708310"/>
            <a:ext cx="11664950" cy="129984"/>
            <a:chOff x="324487" y="2057426"/>
            <a:chExt cx="8495663" cy="97488"/>
          </a:xfrm>
        </p:grpSpPr>
        <p:sp>
          <p:nvSpPr>
            <p:cNvPr id="9" name="正方形/長方形 11">
              <a:extLst>
                <a:ext uri="{FF2B5EF4-FFF2-40B4-BE49-F238E27FC236}">
                  <a16:creationId xmlns:a16="http://schemas.microsoft.com/office/drawing/2014/main" id="{4E3F898B-5217-45A3-AF93-4EDA063B5749}"/>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0" name="グループ化 16">
              <a:extLst>
                <a:ext uri="{FF2B5EF4-FFF2-40B4-BE49-F238E27FC236}">
                  <a16:creationId xmlns:a16="http://schemas.microsoft.com/office/drawing/2014/main" id="{CEAA1F3A-29E0-4030-B5D2-D5DBBF92BB2E}"/>
                </a:ext>
              </a:extLst>
            </p:cNvPr>
            <p:cNvGrpSpPr/>
            <p:nvPr/>
          </p:nvGrpSpPr>
          <p:grpSpPr bwMode="gray">
            <a:xfrm>
              <a:off x="324487" y="2057426"/>
              <a:ext cx="1938812" cy="97488"/>
              <a:chOff x="312738" y="2747963"/>
              <a:chExt cx="1970087" cy="109537"/>
            </a:xfrm>
          </p:grpSpPr>
          <p:sp>
            <p:nvSpPr>
              <p:cNvPr id="11" name="正方形/長方形 42">
                <a:extLst>
                  <a:ext uri="{FF2B5EF4-FFF2-40B4-BE49-F238E27FC236}">
                    <a16:creationId xmlns:a16="http://schemas.microsoft.com/office/drawing/2014/main" id="{6DDE0990-A36E-471E-933F-CBBD7D5F100B}"/>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12" name="正方形/長方形 43">
                <a:extLst>
                  <a:ext uri="{FF2B5EF4-FFF2-40B4-BE49-F238E27FC236}">
                    <a16:creationId xmlns:a16="http://schemas.microsoft.com/office/drawing/2014/main" id="{CCC91D33-C000-46EE-8043-68A33CD8C5CB}"/>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A2D70D5A-D748-4762-809E-3346AFAD87A3}"/>
              </a:ext>
            </a:extLst>
          </p:cNvPr>
          <p:cNvSpPr txBox="1"/>
          <p:nvPr userDrawn="1"/>
        </p:nvSpPr>
        <p:spPr bwMode="gray">
          <a:xfrm>
            <a:off x="892381" y="6509772"/>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
        <p:nvSpPr>
          <p:cNvPr id="14" name="Slide Number Placeholder 5">
            <a:extLst>
              <a:ext uri="{FF2B5EF4-FFF2-40B4-BE49-F238E27FC236}">
                <a16:creationId xmlns:a16="http://schemas.microsoft.com/office/drawing/2014/main" id="{9B2EB613-4BCB-4747-8545-80A0405149E0}"/>
              </a:ext>
            </a:extLst>
          </p:cNvPr>
          <p:cNvSpPr txBox="1">
            <a:spLocks/>
          </p:cNvSpPr>
          <p:nvPr userDrawn="1"/>
        </p:nvSpPr>
        <p:spPr>
          <a:xfrm>
            <a:off x="265236" y="6470788"/>
            <a:ext cx="302400" cy="302400"/>
          </a:xfrm>
          <a:prstGeom prst="rect">
            <a:avLst/>
          </a:prstGeom>
        </p:spPr>
        <p:txBody>
          <a:bodyPr vert="horz" lIns="0" tIns="0" rIns="0" bIns="0" rtlCol="0" anchor="ctr"/>
          <a:lstStyle>
            <a:defPPr>
              <a:defRPr lang="en-US"/>
            </a:defPPr>
            <a:lvl1pPr marL="0" algn="l" defTabSz="914400" rtl="0" eaLnBrk="1" latinLnBrk="0" hangingPunct="1">
              <a:defRPr sz="9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C24EC536-6FE3-4540-8D85-74C58F0BF697}" type="slidenum">
              <a:rPr lang="en-US" smtClean="0"/>
              <a:pPr/>
              <a:t>‹#›</a:t>
            </a:fld>
            <a:endParaRPr lang="en-US" dirty="0"/>
          </a:p>
        </p:txBody>
      </p:sp>
      <p:pic>
        <p:nvPicPr>
          <p:cNvPr id="16" name="Picture 15">
            <a:extLst>
              <a:ext uri="{FF2B5EF4-FFF2-40B4-BE49-F238E27FC236}">
                <a16:creationId xmlns:a16="http://schemas.microsoft.com/office/drawing/2014/main" id="{1B11DEB6-3085-4413-B08A-9E8F2046632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10795000" y="266582"/>
            <a:ext cx="1133476" cy="323320"/>
          </a:xfrm>
          <a:prstGeom prst="rect">
            <a:avLst/>
          </a:prstGeom>
        </p:spPr>
      </p:pic>
      <p:pic>
        <p:nvPicPr>
          <p:cNvPr id="17" name="Picture 16">
            <a:extLst>
              <a:ext uri="{FF2B5EF4-FFF2-40B4-BE49-F238E27FC236}">
                <a16:creationId xmlns:a16="http://schemas.microsoft.com/office/drawing/2014/main" id="{017A4490-94C4-4FAA-92FF-93C87DEC3865}"/>
              </a:ext>
            </a:extLst>
          </p:cNvPr>
          <p:cNvPicPr>
            <a:picLocks noChangeAspect="1"/>
          </p:cNvPicPr>
          <p:nvPr userDrawn="1"/>
        </p:nvPicPr>
        <p:blipFill>
          <a:blip r:embed="rId3" cstate="screen">
            <a:extLst>
              <a:ext uri="{28A0092B-C50C-407E-A947-70E740481C1C}">
                <a14:useLocalDpi xmlns:a14="http://schemas.microsoft.com/office/drawing/2010/main"/>
              </a:ext>
            </a:extLst>
          </a:blip>
          <a:stretch>
            <a:fillRect/>
          </a:stretch>
        </p:blipFill>
        <p:spPr>
          <a:xfrm>
            <a:off x="10631711" y="6522741"/>
            <a:ext cx="1289360" cy="176163"/>
          </a:xfrm>
          <a:prstGeom prst="rect">
            <a:avLst/>
          </a:prstGeom>
        </p:spPr>
      </p:pic>
      <p:sp>
        <p:nvSpPr>
          <p:cNvPr id="15"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1C76F0F7-9961-4AC1-A91C-A252CAC30016}"/>
              </a:ext>
            </a:extLst>
          </p:cNvPr>
          <p:cNvSpPr txBox="1"/>
          <p:nvPr userDrawn="1"/>
        </p:nvSpPr>
        <p:spPr bwMode="gray">
          <a:xfrm>
            <a:off x="562391" y="6533724"/>
            <a:ext cx="2484000" cy="169200"/>
          </a:xfrm>
          <a:prstGeom prst="rect">
            <a:avLst/>
          </a:prstGeom>
          <a:noFill/>
          <a:ln>
            <a:noFill/>
          </a:ln>
        </p:spPr>
        <p:txBody>
          <a:bodyPr wrap="square" lIns="0" tIns="0" rIns="0" bIns="0" rtlCol="0" anchor="ctr">
            <a:noAutofit/>
          </a:bodyPr>
          <a:lstStyle/>
          <a:p>
            <a:pPr marL="0" marR="0" lvl="0" indent="0" algn="ctr"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41532894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3) &amp; Content (3) &amp; Numbers (3) &amp; Box">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02" name="Text Placeholder 11">
            <a:extLst>
              <a:ext uri="{FF2B5EF4-FFF2-40B4-BE49-F238E27FC236}">
                <a16:creationId xmlns:a16="http://schemas.microsoft.com/office/drawing/2014/main" id="{3A565005-F6E5-4BD3-9F5B-6AF58E8DE816}"/>
              </a:ext>
            </a:extLst>
          </p:cNvPr>
          <p:cNvSpPr>
            <a:spLocks noGrp="1"/>
          </p:cNvSpPr>
          <p:nvPr>
            <p:ph type="body" sz="quarter" idx="23"/>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111" name="Text Placeholder 11">
            <a:extLst>
              <a:ext uri="{FF2B5EF4-FFF2-40B4-BE49-F238E27FC236}">
                <a16:creationId xmlns:a16="http://schemas.microsoft.com/office/drawing/2014/main" id="{E6444A91-ACC7-4CF8-9946-617E2C1A7C33}"/>
              </a:ext>
            </a:extLst>
          </p:cNvPr>
          <p:cNvSpPr>
            <a:spLocks noGrp="1"/>
          </p:cNvSpPr>
          <p:nvPr>
            <p:ph type="body" sz="quarter" idx="24"/>
          </p:nvPr>
        </p:nvSpPr>
        <p:spPr bwMode="gray">
          <a:xfrm>
            <a:off x="1777130" y="2972161"/>
            <a:ext cx="1872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1"/>
                </a:solidFill>
              </a:defRPr>
            </a:lvl1pPr>
            <a:lvl2pPr marL="0" indent="0">
              <a:lnSpc>
                <a:spcPct val="100000"/>
              </a:lnSpc>
              <a:spcBef>
                <a:spcPts val="100"/>
              </a:spcBef>
              <a:buNone/>
              <a:defRPr sz="1600" b="1">
                <a:solidFill>
                  <a:schemeClr val="tx1"/>
                </a:solidFill>
              </a:defRPr>
            </a:lvl2pPr>
            <a:lvl3pPr marL="0" indent="0">
              <a:lnSpc>
                <a:spcPct val="100000"/>
              </a:lnSpc>
              <a:spcBef>
                <a:spcPts val="100"/>
              </a:spcBef>
              <a:buNone/>
              <a:defRPr sz="1600" b="1">
                <a:solidFill>
                  <a:schemeClr val="tx1"/>
                </a:solidFill>
              </a:defRPr>
            </a:lvl3pPr>
            <a:lvl4pPr marL="0" indent="0">
              <a:lnSpc>
                <a:spcPct val="100000"/>
              </a:lnSpc>
              <a:spcBef>
                <a:spcPts val="100"/>
              </a:spcBef>
              <a:buNone/>
              <a:defRPr sz="1600" b="1">
                <a:solidFill>
                  <a:schemeClr val="tx1"/>
                </a:solidFill>
              </a:defRPr>
            </a:lvl4pPr>
            <a:lvl5pPr marL="0" indent="0">
              <a:lnSpc>
                <a:spcPct val="100000"/>
              </a:lnSpc>
              <a:spcBef>
                <a:spcPts val="100"/>
              </a:spcBef>
              <a:buNone/>
              <a:defRPr sz="1600" b="1">
                <a:solidFill>
                  <a:schemeClr val="tx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114" name="Text Placeholder 11">
            <a:extLst>
              <a:ext uri="{FF2B5EF4-FFF2-40B4-BE49-F238E27FC236}">
                <a16:creationId xmlns:a16="http://schemas.microsoft.com/office/drawing/2014/main" id="{F9466146-4718-4169-BEFC-27BB664EE8E7}"/>
              </a:ext>
            </a:extLst>
          </p:cNvPr>
          <p:cNvSpPr>
            <a:spLocks noGrp="1"/>
          </p:cNvSpPr>
          <p:nvPr>
            <p:ph type="body" sz="quarter" idx="25"/>
          </p:nvPr>
        </p:nvSpPr>
        <p:spPr bwMode="gray">
          <a:xfrm>
            <a:off x="1775520" y="4400322"/>
            <a:ext cx="187200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accent4"/>
                </a:solidFill>
              </a:defRPr>
            </a:lvl1pPr>
            <a:lvl2pPr marL="0" indent="0">
              <a:lnSpc>
                <a:spcPct val="100000"/>
              </a:lnSpc>
              <a:spcBef>
                <a:spcPts val="100"/>
              </a:spcBef>
              <a:buNone/>
              <a:defRPr sz="1600" b="1">
                <a:solidFill>
                  <a:schemeClr val="accent4"/>
                </a:solidFill>
              </a:defRPr>
            </a:lvl2pPr>
            <a:lvl3pPr marL="0" indent="0">
              <a:lnSpc>
                <a:spcPct val="100000"/>
              </a:lnSpc>
              <a:spcBef>
                <a:spcPts val="100"/>
              </a:spcBef>
              <a:buNone/>
              <a:defRPr sz="1600" b="1">
                <a:solidFill>
                  <a:schemeClr val="accent4"/>
                </a:solidFill>
              </a:defRPr>
            </a:lvl3pPr>
            <a:lvl4pPr marL="0" indent="0">
              <a:lnSpc>
                <a:spcPct val="100000"/>
              </a:lnSpc>
              <a:spcBef>
                <a:spcPts val="100"/>
              </a:spcBef>
              <a:buNone/>
              <a:defRPr sz="1600" b="1">
                <a:solidFill>
                  <a:schemeClr val="accent4"/>
                </a:solidFill>
              </a:defRPr>
            </a:lvl4pPr>
            <a:lvl5pPr marL="0" indent="0">
              <a:lnSpc>
                <a:spcPct val="100000"/>
              </a:lnSpc>
              <a:spcBef>
                <a:spcPts val="100"/>
              </a:spcBef>
              <a:buNone/>
              <a:defRPr sz="1600" b="1">
                <a:solidFill>
                  <a:schemeClr val="accent4"/>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117" name="Content Placeholder 3">
            <a:extLst>
              <a:ext uri="{FF2B5EF4-FFF2-40B4-BE49-F238E27FC236}">
                <a16:creationId xmlns:a16="http://schemas.microsoft.com/office/drawing/2014/main" id="{D0BB9BD1-AFA8-4777-BD7E-03C05346F0B8}"/>
              </a:ext>
            </a:extLst>
          </p:cNvPr>
          <p:cNvSpPr>
            <a:spLocks noGrp="1"/>
          </p:cNvSpPr>
          <p:nvPr>
            <p:ph sz="quarter" idx="38"/>
          </p:nvPr>
        </p:nvSpPr>
        <p:spPr bwMode="gray">
          <a:xfrm>
            <a:off x="3921690" y="1376363"/>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8" name="Content Placeholder 3">
            <a:extLst>
              <a:ext uri="{FF2B5EF4-FFF2-40B4-BE49-F238E27FC236}">
                <a16:creationId xmlns:a16="http://schemas.microsoft.com/office/drawing/2014/main" id="{2F46FA40-89ED-483D-B576-C0B7126B3D16}"/>
              </a:ext>
            </a:extLst>
          </p:cNvPr>
          <p:cNvSpPr>
            <a:spLocks noGrp="1"/>
          </p:cNvSpPr>
          <p:nvPr>
            <p:ph sz="quarter" idx="39"/>
          </p:nvPr>
        </p:nvSpPr>
        <p:spPr bwMode="gray">
          <a:xfrm>
            <a:off x="3921690" y="2863928"/>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9" name="Content Placeholder 3">
            <a:extLst>
              <a:ext uri="{FF2B5EF4-FFF2-40B4-BE49-F238E27FC236}">
                <a16:creationId xmlns:a16="http://schemas.microsoft.com/office/drawing/2014/main" id="{D940D62B-2E1F-4339-B9F3-000831E52417}"/>
              </a:ext>
            </a:extLst>
          </p:cNvPr>
          <p:cNvSpPr>
            <a:spLocks noGrp="1"/>
          </p:cNvSpPr>
          <p:nvPr>
            <p:ph sz="quarter" idx="40"/>
          </p:nvPr>
        </p:nvSpPr>
        <p:spPr bwMode="gray">
          <a:xfrm>
            <a:off x="3921690" y="4303084"/>
            <a:ext cx="8006785" cy="1294301"/>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3" name="Content Placeholder 6">
            <a:extLst>
              <a:ext uri="{FF2B5EF4-FFF2-40B4-BE49-F238E27FC236}">
                <a16:creationId xmlns:a16="http://schemas.microsoft.com/office/drawing/2014/main" id="{00B1F805-6796-4988-BDAC-995B3E05D34F}"/>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24" name="Content Placeholder 6">
            <a:extLst>
              <a:ext uri="{FF2B5EF4-FFF2-40B4-BE49-F238E27FC236}">
                <a16:creationId xmlns:a16="http://schemas.microsoft.com/office/drawing/2014/main" id="{8D88CFA7-09AB-4767-BF53-0124083462AB}"/>
              </a:ext>
            </a:extLst>
          </p:cNvPr>
          <p:cNvSpPr>
            <a:spLocks noGrp="1"/>
          </p:cNvSpPr>
          <p:nvPr>
            <p:ph sz="quarter" idx="44" hasCustomPrompt="1"/>
          </p:nvPr>
        </p:nvSpPr>
        <p:spPr>
          <a:xfrm>
            <a:off x="276908" y="2863928"/>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25" name="Content Placeholder 6">
            <a:extLst>
              <a:ext uri="{FF2B5EF4-FFF2-40B4-BE49-F238E27FC236}">
                <a16:creationId xmlns:a16="http://schemas.microsoft.com/office/drawing/2014/main" id="{019348E2-113B-47F8-A86B-A5A55F501F79}"/>
              </a:ext>
            </a:extLst>
          </p:cNvPr>
          <p:cNvSpPr>
            <a:spLocks noGrp="1"/>
          </p:cNvSpPr>
          <p:nvPr>
            <p:ph sz="quarter" idx="45" hasCustomPrompt="1"/>
          </p:nvPr>
        </p:nvSpPr>
        <p:spPr>
          <a:xfrm>
            <a:off x="276908" y="4303084"/>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26" name="Text Placeholder 7">
            <a:extLst>
              <a:ext uri="{FF2B5EF4-FFF2-40B4-BE49-F238E27FC236}">
                <a16:creationId xmlns:a16="http://schemas.microsoft.com/office/drawing/2014/main" id="{DD44EDD3-36EC-41BB-85BC-E402BF438967}"/>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27" name="Picture Placeholder 24">
            <a:extLst>
              <a:ext uri="{FF2B5EF4-FFF2-40B4-BE49-F238E27FC236}">
                <a16:creationId xmlns:a16="http://schemas.microsoft.com/office/drawing/2014/main" id="{432CA99F-AD39-4BEA-9808-5AF5E8DCD97E}"/>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00"/>
            </a:lvl1pPr>
          </a:lstStyle>
          <a:p>
            <a:r>
              <a:rPr lang="en-US" dirty="0"/>
              <a:t>.</a:t>
            </a:r>
          </a:p>
        </p:txBody>
      </p:sp>
      <p:sp>
        <p:nvSpPr>
          <p:cNvPr id="28" name="Picture Placeholder 24">
            <a:extLst>
              <a:ext uri="{FF2B5EF4-FFF2-40B4-BE49-F238E27FC236}">
                <a16:creationId xmlns:a16="http://schemas.microsoft.com/office/drawing/2014/main" id="{48BB02C5-247F-42F1-96D2-25DBA425D172}"/>
              </a:ext>
            </a:extLst>
          </p:cNvPr>
          <p:cNvSpPr>
            <a:spLocks noGrp="1"/>
          </p:cNvSpPr>
          <p:nvPr>
            <p:ph type="pic" sz="quarter" idx="36" hasCustomPrompt="1"/>
          </p:nvPr>
        </p:nvSpPr>
        <p:spPr>
          <a:xfrm>
            <a:off x="1777133" y="2849528"/>
            <a:ext cx="1872000" cy="28800"/>
          </a:xfrm>
          <a:solidFill>
            <a:schemeClr val="tx1"/>
          </a:solidFill>
          <a:ln>
            <a:noFill/>
          </a:ln>
        </p:spPr>
        <p:txBody>
          <a:bodyPr/>
          <a:lstStyle>
            <a:lvl1pPr>
              <a:defRPr sz="100"/>
            </a:lvl1pPr>
          </a:lstStyle>
          <a:p>
            <a:r>
              <a:rPr lang="en-US" dirty="0"/>
              <a:t>.</a:t>
            </a:r>
          </a:p>
        </p:txBody>
      </p:sp>
      <p:sp>
        <p:nvSpPr>
          <p:cNvPr id="29" name="Picture Placeholder 24">
            <a:extLst>
              <a:ext uri="{FF2B5EF4-FFF2-40B4-BE49-F238E27FC236}">
                <a16:creationId xmlns:a16="http://schemas.microsoft.com/office/drawing/2014/main" id="{835005D8-4397-48A4-8DEE-0653C485F523}"/>
              </a:ext>
            </a:extLst>
          </p:cNvPr>
          <p:cNvSpPr>
            <a:spLocks noGrp="1"/>
          </p:cNvSpPr>
          <p:nvPr>
            <p:ph type="pic" sz="quarter" idx="37" hasCustomPrompt="1"/>
          </p:nvPr>
        </p:nvSpPr>
        <p:spPr>
          <a:xfrm>
            <a:off x="1777133" y="4290642"/>
            <a:ext cx="1872000" cy="28800"/>
          </a:xfrm>
          <a:solidFill>
            <a:schemeClr val="accent4"/>
          </a:solidFill>
          <a:ln>
            <a:noFill/>
          </a:ln>
        </p:spPr>
        <p:txBody>
          <a:bodyPr/>
          <a:lstStyle>
            <a:lvl1pPr>
              <a:defRPr sz="100"/>
            </a:lvl1pPr>
          </a:lstStyle>
          <a:p>
            <a:r>
              <a:rPr lang="en-US" dirty="0"/>
              <a:t>.</a:t>
            </a:r>
          </a:p>
        </p:txBody>
      </p:sp>
      <p:sp>
        <p:nvSpPr>
          <p:cNvPr id="20" name="Title 1">
            <a:extLst>
              <a:ext uri="{FF2B5EF4-FFF2-40B4-BE49-F238E27FC236}">
                <a16:creationId xmlns:a16="http://schemas.microsoft.com/office/drawing/2014/main" id="{FBC9DADF-2DD6-49C8-B226-2EAE5C8E7ED1}"/>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8" name="Content Placeholder 3">
            <a:extLst>
              <a:ext uri="{FF2B5EF4-FFF2-40B4-BE49-F238E27FC236}">
                <a16:creationId xmlns:a16="http://schemas.microsoft.com/office/drawing/2014/main" id="{77463CE8-CEC7-491B-AEE7-C626E86D052E}"/>
              </a:ext>
            </a:extLst>
          </p:cNvPr>
          <p:cNvSpPr>
            <a:spLocks noGrp="1"/>
          </p:cNvSpPr>
          <p:nvPr>
            <p:ph sz="quarter" idx="26"/>
          </p:nvPr>
        </p:nvSpPr>
        <p:spPr bwMode="gray">
          <a:xfrm>
            <a:off x="1770502" y="1844826"/>
            <a:ext cx="1878630" cy="825838"/>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19" name="Content Placeholder 3">
            <a:extLst>
              <a:ext uri="{FF2B5EF4-FFF2-40B4-BE49-F238E27FC236}">
                <a16:creationId xmlns:a16="http://schemas.microsoft.com/office/drawing/2014/main" id="{5E70668A-DC62-457E-BA02-26C28D66D891}"/>
              </a:ext>
            </a:extLst>
          </p:cNvPr>
          <p:cNvSpPr>
            <a:spLocks noGrp="1"/>
          </p:cNvSpPr>
          <p:nvPr>
            <p:ph sz="quarter" idx="27"/>
          </p:nvPr>
        </p:nvSpPr>
        <p:spPr bwMode="gray">
          <a:xfrm>
            <a:off x="1770502" y="3341643"/>
            <a:ext cx="1878630" cy="814843"/>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21" name="Content Placeholder 3">
            <a:extLst>
              <a:ext uri="{FF2B5EF4-FFF2-40B4-BE49-F238E27FC236}">
                <a16:creationId xmlns:a16="http://schemas.microsoft.com/office/drawing/2014/main" id="{203BC8E2-0A65-4017-BFCD-76D59EB45FE8}"/>
              </a:ext>
            </a:extLst>
          </p:cNvPr>
          <p:cNvSpPr>
            <a:spLocks noGrp="1"/>
          </p:cNvSpPr>
          <p:nvPr>
            <p:ph sz="quarter" idx="28"/>
          </p:nvPr>
        </p:nvSpPr>
        <p:spPr bwMode="gray">
          <a:xfrm>
            <a:off x="1770502" y="4767561"/>
            <a:ext cx="1878630" cy="827341"/>
          </a:xfrm>
        </p:spPr>
        <p:txBody>
          <a:bodyPr lIns="0" tIns="0" rIns="0" bIns="0"/>
          <a:lstStyle>
            <a:lvl1pPr>
              <a:lnSpc>
                <a:spcPct val="100000"/>
              </a:lnSpc>
              <a:spcBef>
                <a:spcPts val="600"/>
              </a:spcBef>
              <a:defRPr/>
            </a:lvl1pPr>
            <a:lvl2pPr marL="0" indent="0">
              <a:lnSpc>
                <a:spcPct val="100000"/>
              </a:lnSpc>
              <a:spcBef>
                <a:spcPts val="600"/>
              </a:spcBef>
              <a:buNone/>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0" name="TextBox 29">
            <a:extLst>
              <a:ext uri="{FF2B5EF4-FFF2-40B4-BE49-F238E27FC236}">
                <a16:creationId xmlns:a16="http://schemas.microsoft.com/office/drawing/2014/main" id="{C658819D-4785-4A7D-89CC-5723A1AC2FA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633581877"/>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4.1) &amp; Content (4.1) &amp; Numbers (4.1)">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28" name="Text Placeholder 11">
            <a:extLst>
              <a:ext uri="{FF2B5EF4-FFF2-40B4-BE49-F238E27FC236}">
                <a16:creationId xmlns:a16="http://schemas.microsoft.com/office/drawing/2014/main" id="{BF68FEBD-BEFC-4726-874B-6289F0616A06}"/>
              </a:ext>
            </a:extLst>
          </p:cNvPr>
          <p:cNvSpPr>
            <a:spLocks noGrp="1"/>
          </p:cNvSpPr>
          <p:nvPr>
            <p:ph type="body" sz="quarter" idx="26"/>
          </p:nvPr>
        </p:nvSpPr>
        <p:spPr bwMode="gray">
          <a:xfrm>
            <a:off x="1770501" y="147359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32" name="Text Placeholder 11">
            <a:extLst>
              <a:ext uri="{FF2B5EF4-FFF2-40B4-BE49-F238E27FC236}">
                <a16:creationId xmlns:a16="http://schemas.microsoft.com/office/drawing/2014/main" id="{092CBB90-B3D5-45EB-A5C7-4055E1FF503F}"/>
              </a:ext>
            </a:extLst>
          </p:cNvPr>
          <p:cNvSpPr>
            <a:spLocks noGrp="1"/>
          </p:cNvSpPr>
          <p:nvPr>
            <p:ph type="body" sz="quarter" idx="39"/>
          </p:nvPr>
        </p:nvSpPr>
        <p:spPr bwMode="gray">
          <a:xfrm>
            <a:off x="1770501" y="2805379"/>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34" name="Text Placeholder 11">
            <a:extLst>
              <a:ext uri="{FF2B5EF4-FFF2-40B4-BE49-F238E27FC236}">
                <a16:creationId xmlns:a16="http://schemas.microsoft.com/office/drawing/2014/main" id="{728B220A-6603-4016-8181-30353C6AE4C9}"/>
              </a:ext>
            </a:extLst>
          </p:cNvPr>
          <p:cNvSpPr>
            <a:spLocks noGrp="1"/>
          </p:cNvSpPr>
          <p:nvPr>
            <p:ph type="body" sz="quarter" idx="40"/>
          </p:nvPr>
        </p:nvSpPr>
        <p:spPr bwMode="gray">
          <a:xfrm>
            <a:off x="1770501" y="4122968"/>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42" name="Text Placeholder 11">
            <a:extLst>
              <a:ext uri="{FF2B5EF4-FFF2-40B4-BE49-F238E27FC236}">
                <a16:creationId xmlns:a16="http://schemas.microsoft.com/office/drawing/2014/main" id="{E30EC2DD-1F4A-4356-9646-C28E53D7970A}"/>
              </a:ext>
            </a:extLst>
          </p:cNvPr>
          <p:cNvSpPr>
            <a:spLocks noGrp="1"/>
          </p:cNvSpPr>
          <p:nvPr>
            <p:ph type="body" sz="quarter" idx="41"/>
          </p:nvPr>
        </p:nvSpPr>
        <p:spPr bwMode="gray">
          <a:xfrm>
            <a:off x="1770501" y="5443614"/>
            <a:ext cx="1878632"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a:t>
            </a:r>
          </a:p>
        </p:txBody>
      </p:sp>
      <p:sp>
        <p:nvSpPr>
          <p:cNvPr id="49" name="Content Placeholder 3">
            <a:extLst>
              <a:ext uri="{FF2B5EF4-FFF2-40B4-BE49-F238E27FC236}">
                <a16:creationId xmlns:a16="http://schemas.microsoft.com/office/drawing/2014/main" id="{CFBBB2FF-A24B-4F09-BA72-DC718D4331B3}"/>
              </a:ext>
            </a:extLst>
          </p:cNvPr>
          <p:cNvSpPr>
            <a:spLocks noGrp="1"/>
          </p:cNvSpPr>
          <p:nvPr>
            <p:ph sz="quarter" idx="38"/>
          </p:nvPr>
        </p:nvSpPr>
        <p:spPr bwMode="gray">
          <a:xfrm>
            <a:off x="3921690" y="2705088"/>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p:txBody>
      </p:sp>
      <p:sp>
        <p:nvSpPr>
          <p:cNvPr id="50" name="Content Placeholder 3">
            <a:extLst>
              <a:ext uri="{FF2B5EF4-FFF2-40B4-BE49-F238E27FC236}">
                <a16:creationId xmlns:a16="http://schemas.microsoft.com/office/drawing/2014/main" id="{CB993417-83D5-41F8-BAF9-2986F007C1C6}"/>
              </a:ext>
            </a:extLst>
          </p:cNvPr>
          <p:cNvSpPr>
            <a:spLocks noGrp="1"/>
          </p:cNvSpPr>
          <p:nvPr>
            <p:ph sz="quarter" idx="45"/>
          </p:nvPr>
        </p:nvSpPr>
        <p:spPr bwMode="gray">
          <a:xfrm>
            <a:off x="3921690" y="1376363"/>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p:txBody>
      </p:sp>
      <p:sp>
        <p:nvSpPr>
          <p:cNvPr id="51" name="Content Placeholder 3">
            <a:extLst>
              <a:ext uri="{FF2B5EF4-FFF2-40B4-BE49-F238E27FC236}">
                <a16:creationId xmlns:a16="http://schemas.microsoft.com/office/drawing/2014/main" id="{8152D743-82D2-45BC-9D72-C38ED8D00974}"/>
              </a:ext>
            </a:extLst>
          </p:cNvPr>
          <p:cNvSpPr>
            <a:spLocks noGrp="1"/>
          </p:cNvSpPr>
          <p:nvPr>
            <p:ph sz="quarter" idx="46"/>
          </p:nvPr>
        </p:nvSpPr>
        <p:spPr bwMode="gray">
          <a:xfrm>
            <a:off x="3921690" y="4025732"/>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p:txBody>
      </p:sp>
      <p:sp>
        <p:nvSpPr>
          <p:cNvPr id="52" name="Content Placeholder 3">
            <a:extLst>
              <a:ext uri="{FF2B5EF4-FFF2-40B4-BE49-F238E27FC236}">
                <a16:creationId xmlns:a16="http://schemas.microsoft.com/office/drawing/2014/main" id="{9C85D89A-0FCA-434E-8A47-ABFF684F433A}"/>
              </a:ext>
            </a:extLst>
          </p:cNvPr>
          <p:cNvSpPr>
            <a:spLocks noGrp="1"/>
          </p:cNvSpPr>
          <p:nvPr>
            <p:ph sz="quarter" idx="47"/>
          </p:nvPr>
        </p:nvSpPr>
        <p:spPr bwMode="gray">
          <a:xfrm>
            <a:off x="3921690" y="5346378"/>
            <a:ext cx="8006785" cy="1002838"/>
          </a:xfrm>
        </p:spPr>
        <p:txBody>
          <a:bodyPr lIns="0" tIns="108000" rIns="0" bIns="0"/>
          <a:lstStyle>
            <a:lvl1pPr>
              <a:lnSpc>
                <a:spcPct val="100000"/>
              </a:lnSpc>
              <a:spcBef>
                <a:spcPts val="600"/>
              </a:spcBef>
              <a:defRPr sz="1200"/>
            </a:lvl1pPr>
            <a:lvl2pPr>
              <a:lnSpc>
                <a:spcPct val="100000"/>
              </a:lnSpc>
              <a:spcBef>
                <a:spcPts val="600"/>
              </a:spcBef>
              <a:defRPr sz="1200"/>
            </a:lvl2pPr>
            <a:lvl3pPr>
              <a:lnSpc>
                <a:spcPct val="100000"/>
              </a:lnSpc>
              <a:spcBef>
                <a:spcPts val="600"/>
              </a:spcBef>
              <a:defRPr sz="1200"/>
            </a:lvl3pPr>
            <a:lvl4pPr>
              <a:lnSpc>
                <a:spcPct val="100000"/>
              </a:lnSpc>
              <a:spcBef>
                <a:spcPts val="600"/>
              </a:spcBef>
              <a:defRPr sz="1200"/>
            </a:lvl4pPr>
            <a:lvl5pPr>
              <a:lnSpc>
                <a:spcPct val="100000"/>
              </a:lnSpc>
              <a:spcBef>
                <a:spcPts val="600"/>
              </a:spcBef>
              <a:defRPr sz="1200"/>
            </a:lvl5pPr>
          </a:lstStyle>
          <a:p>
            <a:pPr lvl="0"/>
            <a:r>
              <a:rPr lang="en-US" dirty="0"/>
              <a:t>Click to edit Master text styles</a:t>
            </a:r>
          </a:p>
          <a:p>
            <a:pPr lvl="1"/>
            <a:r>
              <a:rPr lang="en-US" dirty="0"/>
              <a:t>Second level</a:t>
            </a:r>
          </a:p>
          <a:p>
            <a:pPr lvl="2"/>
            <a:r>
              <a:rPr lang="en-US" dirty="0"/>
              <a:t>Third level</a:t>
            </a:r>
          </a:p>
        </p:txBody>
      </p:sp>
      <p:sp>
        <p:nvSpPr>
          <p:cNvPr id="38" name="Content Placeholder 6">
            <a:extLst>
              <a:ext uri="{FF2B5EF4-FFF2-40B4-BE49-F238E27FC236}">
                <a16:creationId xmlns:a16="http://schemas.microsoft.com/office/drawing/2014/main" id="{287FBD57-6702-4F91-B717-C913C186C628}"/>
              </a:ext>
            </a:extLst>
          </p:cNvPr>
          <p:cNvSpPr>
            <a:spLocks noGrp="1"/>
          </p:cNvSpPr>
          <p:nvPr>
            <p:ph sz="quarter" idx="44" hasCustomPrompt="1"/>
          </p:nvPr>
        </p:nvSpPr>
        <p:spPr>
          <a:xfrm>
            <a:off x="263526" y="2699701"/>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2.</a:t>
            </a:r>
          </a:p>
        </p:txBody>
      </p:sp>
      <p:sp>
        <p:nvSpPr>
          <p:cNvPr id="39" name="Content Placeholder 6">
            <a:extLst>
              <a:ext uri="{FF2B5EF4-FFF2-40B4-BE49-F238E27FC236}">
                <a16:creationId xmlns:a16="http://schemas.microsoft.com/office/drawing/2014/main" id="{D3A403B4-1233-48D9-939E-539F1DEE6C17}"/>
              </a:ext>
            </a:extLst>
          </p:cNvPr>
          <p:cNvSpPr>
            <a:spLocks noGrp="1"/>
          </p:cNvSpPr>
          <p:nvPr>
            <p:ph sz="quarter" idx="50" hasCustomPrompt="1"/>
          </p:nvPr>
        </p:nvSpPr>
        <p:spPr>
          <a:xfrm>
            <a:off x="263526" y="4022931"/>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3.</a:t>
            </a:r>
          </a:p>
        </p:txBody>
      </p:sp>
      <p:sp>
        <p:nvSpPr>
          <p:cNvPr id="40" name="Content Placeholder 6">
            <a:extLst>
              <a:ext uri="{FF2B5EF4-FFF2-40B4-BE49-F238E27FC236}">
                <a16:creationId xmlns:a16="http://schemas.microsoft.com/office/drawing/2014/main" id="{2D403FEE-1DE0-489E-93AD-696B7F46C4DA}"/>
              </a:ext>
            </a:extLst>
          </p:cNvPr>
          <p:cNvSpPr>
            <a:spLocks noGrp="1"/>
          </p:cNvSpPr>
          <p:nvPr>
            <p:ph sz="quarter" idx="43" hasCustomPrompt="1"/>
          </p:nvPr>
        </p:nvSpPr>
        <p:spPr>
          <a:xfrm>
            <a:off x="263526" y="1376363"/>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1.</a:t>
            </a:r>
          </a:p>
        </p:txBody>
      </p:sp>
      <p:sp>
        <p:nvSpPr>
          <p:cNvPr id="41" name="Content Placeholder 6">
            <a:extLst>
              <a:ext uri="{FF2B5EF4-FFF2-40B4-BE49-F238E27FC236}">
                <a16:creationId xmlns:a16="http://schemas.microsoft.com/office/drawing/2014/main" id="{DA07BDAE-41C2-4483-8E4F-05FBB75EBBCB}"/>
              </a:ext>
            </a:extLst>
          </p:cNvPr>
          <p:cNvSpPr>
            <a:spLocks noGrp="1"/>
          </p:cNvSpPr>
          <p:nvPr>
            <p:ph sz="quarter" idx="51" hasCustomPrompt="1"/>
          </p:nvPr>
        </p:nvSpPr>
        <p:spPr>
          <a:xfrm>
            <a:off x="263526" y="5346378"/>
            <a:ext cx="1512000" cy="943200"/>
          </a:xfrm>
          <a:prstGeom prst="rect">
            <a:avLst/>
          </a:prstGeom>
          <a:noFill/>
        </p:spPr>
        <p:txBody>
          <a:bodyPr tIns="0" anchor="t" anchorCtr="0"/>
          <a:lstStyle>
            <a:lvl1pPr algn="l">
              <a:spcBef>
                <a:spcPts val="0"/>
              </a:spcBef>
              <a:defRPr sz="6600" b="1">
                <a:solidFill>
                  <a:schemeClr val="accent5"/>
                </a:solidFill>
                <a:latin typeface="+mn-lt"/>
                <a:ea typeface="Arial" panose="020B0604020202020204" pitchFamily="34" charset="0"/>
                <a:cs typeface="Arial" panose="020B0604020202020204" pitchFamily="34" charset="0"/>
              </a:defRPr>
            </a:lvl1pPr>
          </a:lstStyle>
          <a:p>
            <a:pPr lvl="0"/>
            <a:r>
              <a:rPr lang="en-US" dirty="0"/>
              <a:t>04.</a:t>
            </a:r>
          </a:p>
        </p:txBody>
      </p:sp>
      <p:sp>
        <p:nvSpPr>
          <p:cNvPr id="23" name="Picture Placeholder 24">
            <a:extLst>
              <a:ext uri="{FF2B5EF4-FFF2-40B4-BE49-F238E27FC236}">
                <a16:creationId xmlns:a16="http://schemas.microsoft.com/office/drawing/2014/main" id="{9891764E-CA93-43B4-92B2-04BD3529E43B}"/>
              </a:ext>
            </a:extLst>
          </p:cNvPr>
          <p:cNvSpPr>
            <a:spLocks noGrp="1"/>
          </p:cNvSpPr>
          <p:nvPr>
            <p:ph type="pic" sz="quarter" idx="35" hasCustomPrompt="1"/>
          </p:nvPr>
        </p:nvSpPr>
        <p:spPr>
          <a:xfrm>
            <a:off x="1777133" y="1361963"/>
            <a:ext cx="1872000" cy="28800"/>
          </a:xfrm>
          <a:solidFill>
            <a:schemeClr val="tx2"/>
          </a:solidFill>
          <a:ln>
            <a:noFill/>
          </a:ln>
        </p:spPr>
        <p:txBody>
          <a:bodyPr/>
          <a:lstStyle>
            <a:lvl1pPr>
              <a:defRPr sz="100"/>
            </a:lvl1pPr>
          </a:lstStyle>
          <a:p>
            <a:r>
              <a:rPr lang="en-US" dirty="0"/>
              <a:t>.</a:t>
            </a:r>
          </a:p>
        </p:txBody>
      </p:sp>
      <p:sp>
        <p:nvSpPr>
          <p:cNvPr id="24" name="Picture Placeholder 24">
            <a:extLst>
              <a:ext uri="{FF2B5EF4-FFF2-40B4-BE49-F238E27FC236}">
                <a16:creationId xmlns:a16="http://schemas.microsoft.com/office/drawing/2014/main" id="{F690778B-11FF-476E-83BE-8C3E33FD358F}"/>
              </a:ext>
            </a:extLst>
          </p:cNvPr>
          <p:cNvSpPr>
            <a:spLocks noGrp="1"/>
          </p:cNvSpPr>
          <p:nvPr>
            <p:ph type="pic" sz="quarter" idx="36" hasCustomPrompt="1"/>
          </p:nvPr>
        </p:nvSpPr>
        <p:spPr>
          <a:xfrm>
            <a:off x="1777133" y="2692249"/>
            <a:ext cx="1872000" cy="28800"/>
          </a:xfrm>
          <a:solidFill>
            <a:schemeClr val="tx2"/>
          </a:solidFill>
          <a:ln>
            <a:noFill/>
          </a:ln>
        </p:spPr>
        <p:txBody>
          <a:bodyPr/>
          <a:lstStyle>
            <a:lvl1pPr>
              <a:defRPr sz="100"/>
            </a:lvl1pPr>
          </a:lstStyle>
          <a:p>
            <a:r>
              <a:rPr lang="en-US" dirty="0"/>
              <a:t>.</a:t>
            </a:r>
          </a:p>
        </p:txBody>
      </p:sp>
      <p:sp>
        <p:nvSpPr>
          <p:cNvPr id="25" name="Picture Placeholder 24">
            <a:extLst>
              <a:ext uri="{FF2B5EF4-FFF2-40B4-BE49-F238E27FC236}">
                <a16:creationId xmlns:a16="http://schemas.microsoft.com/office/drawing/2014/main" id="{D67C2078-D977-4C03-9B15-669128D5E497}"/>
              </a:ext>
            </a:extLst>
          </p:cNvPr>
          <p:cNvSpPr>
            <a:spLocks noGrp="1"/>
          </p:cNvSpPr>
          <p:nvPr>
            <p:ph type="pic" sz="quarter" idx="37" hasCustomPrompt="1"/>
          </p:nvPr>
        </p:nvSpPr>
        <p:spPr>
          <a:xfrm>
            <a:off x="1777133" y="4008639"/>
            <a:ext cx="1872000" cy="28800"/>
          </a:xfrm>
          <a:solidFill>
            <a:schemeClr val="tx2"/>
          </a:solidFill>
          <a:ln>
            <a:noFill/>
          </a:ln>
        </p:spPr>
        <p:txBody>
          <a:bodyPr/>
          <a:lstStyle>
            <a:lvl1pPr>
              <a:defRPr sz="100"/>
            </a:lvl1pPr>
          </a:lstStyle>
          <a:p>
            <a:r>
              <a:rPr lang="en-US" dirty="0"/>
              <a:t>.</a:t>
            </a:r>
          </a:p>
        </p:txBody>
      </p:sp>
      <p:sp>
        <p:nvSpPr>
          <p:cNvPr id="27" name="Picture Placeholder 24">
            <a:extLst>
              <a:ext uri="{FF2B5EF4-FFF2-40B4-BE49-F238E27FC236}">
                <a16:creationId xmlns:a16="http://schemas.microsoft.com/office/drawing/2014/main" id="{E3E0D943-04F8-460D-85BF-6F7B0324D96B}"/>
              </a:ext>
            </a:extLst>
          </p:cNvPr>
          <p:cNvSpPr>
            <a:spLocks noGrp="1"/>
          </p:cNvSpPr>
          <p:nvPr>
            <p:ph type="pic" sz="quarter" idx="52" hasCustomPrompt="1"/>
          </p:nvPr>
        </p:nvSpPr>
        <p:spPr>
          <a:xfrm>
            <a:off x="1777133" y="5331978"/>
            <a:ext cx="1872000" cy="28800"/>
          </a:xfrm>
          <a:solidFill>
            <a:schemeClr val="tx2"/>
          </a:solidFill>
          <a:ln>
            <a:noFill/>
          </a:ln>
        </p:spPr>
        <p:txBody>
          <a:bodyPr/>
          <a:lstStyle>
            <a:lvl1pPr>
              <a:defRPr sz="100"/>
            </a:lvl1pPr>
          </a:lstStyle>
          <a:p>
            <a:r>
              <a:rPr lang="en-US" dirty="0"/>
              <a:t>.</a:t>
            </a:r>
          </a:p>
        </p:txBody>
      </p:sp>
      <p:sp>
        <p:nvSpPr>
          <p:cNvPr id="26" name="Title 1">
            <a:extLst>
              <a:ext uri="{FF2B5EF4-FFF2-40B4-BE49-F238E27FC236}">
                <a16:creationId xmlns:a16="http://schemas.microsoft.com/office/drawing/2014/main" id="{964E16CA-A3E9-4322-B9BE-4FF2A7C5CAB0}"/>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21" name="Content Placeholder 3">
            <a:extLst>
              <a:ext uri="{FF2B5EF4-FFF2-40B4-BE49-F238E27FC236}">
                <a16:creationId xmlns:a16="http://schemas.microsoft.com/office/drawing/2014/main" id="{D8823674-FBB1-4551-AC02-90DB5D85F417}"/>
              </a:ext>
            </a:extLst>
          </p:cNvPr>
          <p:cNvSpPr>
            <a:spLocks noGrp="1"/>
          </p:cNvSpPr>
          <p:nvPr>
            <p:ph sz="quarter" idx="53"/>
          </p:nvPr>
        </p:nvSpPr>
        <p:spPr bwMode="gray">
          <a:xfrm>
            <a:off x="1770502" y="1844826"/>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0" name="Content Placeholder 3">
            <a:extLst>
              <a:ext uri="{FF2B5EF4-FFF2-40B4-BE49-F238E27FC236}">
                <a16:creationId xmlns:a16="http://schemas.microsoft.com/office/drawing/2014/main" id="{022D9BBD-A252-4309-A295-ED6177147C22}"/>
              </a:ext>
            </a:extLst>
          </p:cNvPr>
          <p:cNvSpPr>
            <a:spLocks noGrp="1"/>
          </p:cNvSpPr>
          <p:nvPr>
            <p:ph sz="quarter" idx="54"/>
          </p:nvPr>
        </p:nvSpPr>
        <p:spPr bwMode="gray">
          <a:xfrm>
            <a:off x="1770502" y="3178604"/>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1" name="Content Placeholder 3">
            <a:extLst>
              <a:ext uri="{FF2B5EF4-FFF2-40B4-BE49-F238E27FC236}">
                <a16:creationId xmlns:a16="http://schemas.microsoft.com/office/drawing/2014/main" id="{94C57C6C-1977-455A-A9A5-50449BAFD477}"/>
              </a:ext>
            </a:extLst>
          </p:cNvPr>
          <p:cNvSpPr>
            <a:spLocks noGrp="1"/>
          </p:cNvSpPr>
          <p:nvPr>
            <p:ph sz="quarter" idx="55"/>
          </p:nvPr>
        </p:nvSpPr>
        <p:spPr bwMode="gray">
          <a:xfrm>
            <a:off x="1770502" y="4494195"/>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3" name="Content Placeholder 3">
            <a:extLst>
              <a:ext uri="{FF2B5EF4-FFF2-40B4-BE49-F238E27FC236}">
                <a16:creationId xmlns:a16="http://schemas.microsoft.com/office/drawing/2014/main" id="{1CC08C47-21F2-4262-A804-D297AEF30EEC}"/>
              </a:ext>
            </a:extLst>
          </p:cNvPr>
          <p:cNvSpPr>
            <a:spLocks noGrp="1"/>
          </p:cNvSpPr>
          <p:nvPr>
            <p:ph sz="quarter" idx="56"/>
          </p:nvPr>
        </p:nvSpPr>
        <p:spPr bwMode="gray">
          <a:xfrm>
            <a:off x="1770502" y="5814841"/>
            <a:ext cx="1878630" cy="534375"/>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a:t>
            </a:r>
          </a:p>
        </p:txBody>
      </p:sp>
      <p:sp>
        <p:nvSpPr>
          <p:cNvPr id="35" name="TextBox 34">
            <a:extLst>
              <a:ext uri="{FF2B5EF4-FFF2-40B4-BE49-F238E27FC236}">
                <a16:creationId xmlns:a16="http://schemas.microsoft.com/office/drawing/2014/main" id="{BD07A039-A2A7-4E20-A641-B5E323D5CCB3}"/>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1142911818"/>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Picture (1.0)">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215681" y="882650"/>
            <a:ext cx="8976319" cy="5462588"/>
          </a:xfrm>
          <a:noFill/>
        </p:spPr>
        <p:txBody>
          <a:bodyPr tIns="756000" anchor="ctr"/>
          <a:lstStyle>
            <a:lvl1pPr algn="ctr">
              <a:defRPr>
                <a:solidFill>
                  <a:schemeClr val="accent4"/>
                </a:solidFill>
              </a:defRPr>
            </a:lvl1pPr>
          </a:lstStyle>
          <a:p>
            <a:r>
              <a:rPr lang="en-US" dirty="0"/>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10" name="Title 1">
            <a:extLst>
              <a:ext uri="{FF2B5EF4-FFF2-40B4-BE49-F238E27FC236}">
                <a16:creationId xmlns:a16="http://schemas.microsoft.com/office/drawing/2014/main" id="{49C6567E-C4DF-4FB0-9D5E-ACC3B7BDA530}"/>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8" name="TextBox 7">
            <a:extLst>
              <a:ext uri="{FF2B5EF4-FFF2-40B4-BE49-F238E27FC236}">
                <a16:creationId xmlns:a16="http://schemas.microsoft.com/office/drawing/2014/main" id="{35185BA0-8E21-40A4-818D-11D1EF8C340A}"/>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17626851"/>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Picture &amp; Red box (1) ">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215681" y="882650"/>
            <a:ext cx="8976319" cy="5462588"/>
          </a:xfrm>
          <a:noFill/>
        </p:spPr>
        <p:txBody>
          <a:bodyPr tIns="756000" anchor="ctr"/>
          <a:lstStyle>
            <a:lvl1pPr algn="ctr">
              <a:defRPr>
                <a:solidFill>
                  <a:schemeClr val="accent4"/>
                </a:solidFill>
              </a:defRPr>
            </a:lvl1pPr>
          </a:lstStyle>
          <a:p>
            <a:r>
              <a:rPr lang="en-US" dirty="0"/>
              <a:t>Click icon to add picture</a:t>
            </a:r>
          </a:p>
        </p:txBody>
      </p:sp>
      <p:sp>
        <p:nvSpPr>
          <p:cNvPr id="8" name="Content Placeholder 3">
            <a:extLst>
              <a:ext uri="{FF2B5EF4-FFF2-40B4-BE49-F238E27FC236}">
                <a16:creationId xmlns:a16="http://schemas.microsoft.com/office/drawing/2014/main" id="{56BC035B-BAB1-4A51-BFA6-CE8077EA9BCB}"/>
              </a:ext>
            </a:extLst>
          </p:cNvPr>
          <p:cNvSpPr>
            <a:spLocks noGrp="1"/>
          </p:cNvSpPr>
          <p:nvPr>
            <p:ph sz="quarter" idx="26"/>
          </p:nvPr>
        </p:nvSpPr>
        <p:spPr bwMode="gray">
          <a:xfrm>
            <a:off x="263525" y="1844826"/>
            <a:ext cx="3672236" cy="2160000"/>
          </a:xfrm>
          <a:solidFill>
            <a:schemeClr val="tx2"/>
          </a:solidFill>
        </p:spPr>
        <p:txBody>
          <a:bodyPr lIns="324000" tIns="252000" rIns="324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p:txBody>
      </p:sp>
      <p:sp>
        <p:nvSpPr>
          <p:cNvPr id="10" name="Title 1">
            <a:extLst>
              <a:ext uri="{FF2B5EF4-FFF2-40B4-BE49-F238E27FC236}">
                <a16:creationId xmlns:a16="http://schemas.microsoft.com/office/drawing/2014/main" id="{49C6567E-C4DF-4FB0-9D5E-ACC3B7BDA530}"/>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1" name="Footer Placeholder 4">
            <a:extLst>
              <a:ext uri="{FF2B5EF4-FFF2-40B4-BE49-F238E27FC236}">
                <a16:creationId xmlns:a16="http://schemas.microsoft.com/office/drawing/2014/main" id="{8497DA1C-E5AD-41CC-88B8-6032CBB66D02}"/>
              </a:ext>
            </a:extLst>
          </p:cNvPr>
          <p:cNvSpPr>
            <a:spLocks noGrp="1"/>
          </p:cNvSpPr>
          <p:nvPr>
            <p:ph type="ftr" sz="quarter" idx="3"/>
          </p:nvPr>
        </p:nvSpPr>
        <p:spPr>
          <a:xfrm>
            <a:off x="3254928" y="6515788"/>
            <a:ext cx="5863872" cy="212400"/>
          </a:xfrm>
          <a:prstGeom prst="rect">
            <a:avLst/>
          </a:prstGeom>
        </p:spPr>
        <p:txBody>
          <a:bodyPr vert="horz" lIns="0" tIns="0" rIns="0" bIns="0" rtlCol="0" anchor="b"/>
          <a:lstStyle>
            <a:lvl1pPr algn="l">
              <a:defRPr sz="800">
                <a:solidFill>
                  <a:schemeClr val="accent4"/>
                </a:solidFill>
              </a:defRPr>
            </a:lvl1pPr>
          </a:lstStyle>
          <a:p>
            <a:endParaRPr lang="en-US" dirty="0"/>
          </a:p>
        </p:txBody>
      </p:sp>
    </p:spTree>
    <p:extLst>
      <p:ext uri="{BB962C8B-B14F-4D97-AF65-F5344CB8AC3E}">
        <p14:creationId xmlns:p14="http://schemas.microsoft.com/office/powerpoint/2010/main" val="48443748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Picture (1.2) ">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a:noFill/>
        </p:spPr>
        <p:txBody>
          <a:bodyPr/>
          <a:lstStyle>
            <a:lvl1pPr>
              <a:defRPr>
                <a:solidFill>
                  <a:schemeClr val="accent6"/>
                </a:solidFill>
              </a:defRPr>
            </a:lvl1p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a:noFill/>
        </p:spPr>
        <p:txBody>
          <a:bodyPr/>
          <a:lstStyle>
            <a:lvl1pPr>
              <a:defRPr>
                <a:solidFill>
                  <a:schemeClr val="accent6"/>
                </a:solidFill>
              </a:defRPr>
            </a:lvl1pPr>
          </a:lstStyle>
          <a:p>
            <a:fld id="{C24EC536-6FE3-4540-8D85-74C58F0BF697}" type="slidenum">
              <a:rPr lang="en-US" smtClean="0"/>
              <a:pPr/>
              <a:t>‹#›</a:t>
            </a:fld>
            <a:endParaRPr lang="en-US" dirty="0"/>
          </a:p>
        </p:txBody>
      </p:sp>
      <p:sp>
        <p:nvSpPr>
          <p:cNvPr id="8" name="Title 1">
            <a:extLst>
              <a:ext uri="{FF2B5EF4-FFF2-40B4-BE49-F238E27FC236}">
                <a16:creationId xmlns:a16="http://schemas.microsoft.com/office/drawing/2014/main" id="{0DEC4303-B6CF-46B0-B379-C819ED7C2106}"/>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0" name="Picture Placeholder 3">
            <a:extLst>
              <a:ext uri="{FF2B5EF4-FFF2-40B4-BE49-F238E27FC236}">
                <a16:creationId xmlns:a16="http://schemas.microsoft.com/office/drawing/2014/main" id="{77AD5145-5964-48FD-8668-FAC67E019C00}"/>
              </a:ext>
            </a:extLst>
          </p:cNvPr>
          <p:cNvSpPr>
            <a:spLocks noGrp="1"/>
          </p:cNvSpPr>
          <p:nvPr>
            <p:ph type="pic" sz="quarter" idx="18"/>
          </p:nvPr>
        </p:nvSpPr>
        <p:spPr>
          <a:xfrm>
            <a:off x="1" y="882650"/>
            <a:ext cx="12192000" cy="5975350"/>
          </a:xfrm>
          <a:noFill/>
        </p:spPr>
        <p:txBody>
          <a:bodyPr tIns="756000" anchor="ctr"/>
          <a:lstStyle>
            <a:lvl1pPr algn="ctr">
              <a:defRPr>
                <a:solidFill>
                  <a:schemeClr val="accent4"/>
                </a:solidFill>
              </a:defRPr>
            </a:lvl1pPr>
          </a:lstStyle>
          <a:p>
            <a:r>
              <a:rPr lang="en-US" dirty="0"/>
              <a:t>Click icon to add picture</a:t>
            </a:r>
          </a:p>
        </p:txBody>
      </p:sp>
      <p:sp>
        <p:nvSpPr>
          <p:cNvPr id="7" name="TextBox 6">
            <a:extLst>
              <a:ext uri="{FF2B5EF4-FFF2-40B4-BE49-F238E27FC236}">
                <a16:creationId xmlns:a16="http://schemas.microsoft.com/office/drawing/2014/main" id="{3FECFCC7-6B73-405C-B604-D73FE69BDB11}"/>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4249531618"/>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Picture &amp; Red box (1.1) ">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a:noFill/>
        </p:spPr>
        <p:txBody>
          <a:bodyPr/>
          <a:lstStyle>
            <a:lvl1pPr>
              <a:defRPr>
                <a:solidFill>
                  <a:schemeClr val="accent6"/>
                </a:solidFill>
              </a:defRPr>
            </a:lvl1p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a:noFill/>
        </p:spPr>
        <p:txBody>
          <a:bodyPr/>
          <a:lstStyle>
            <a:lvl1pPr>
              <a:defRPr>
                <a:solidFill>
                  <a:schemeClr val="accent6"/>
                </a:solidFill>
              </a:defRPr>
            </a:lvl1pPr>
          </a:lstStyle>
          <a:p>
            <a:fld id="{C24EC536-6FE3-4540-8D85-74C58F0BF697}" type="slidenum">
              <a:rPr lang="en-US" smtClean="0"/>
              <a:pPr/>
              <a:t>‹#›</a:t>
            </a:fld>
            <a:endParaRPr lang="en-US" dirty="0"/>
          </a:p>
        </p:txBody>
      </p:sp>
      <p:sp>
        <p:nvSpPr>
          <p:cNvPr id="8" name="Title 1">
            <a:extLst>
              <a:ext uri="{FF2B5EF4-FFF2-40B4-BE49-F238E27FC236}">
                <a16:creationId xmlns:a16="http://schemas.microsoft.com/office/drawing/2014/main" id="{0DEC4303-B6CF-46B0-B379-C819ED7C2106}"/>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9" name="Picture Placeholder 3">
            <a:extLst>
              <a:ext uri="{FF2B5EF4-FFF2-40B4-BE49-F238E27FC236}">
                <a16:creationId xmlns:a16="http://schemas.microsoft.com/office/drawing/2014/main" id="{5EFDDFA6-A169-418F-B10F-BD5F68A5495D}"/>
              </a:ext>
            </a:extLst>
          </p:cNvPr>
          <p:cNvSpPr>
            <a:spLocks noGrp="1"/>
          </p:cNvSpPr>
          <p:nvPr>
            <p:ph type="pic" sz="quarter" idx="18"/>
          </p:nvPr>
        </p:nvSpPr>
        <p:spPr>
          <a:xfrm>
            <a:off x="1" y="882650"/>
            <a:ext cx="12192000" cy="5975350"/>
          </a:xfrm>
          <a:noFill/>
        </p:spPr>
        <p:txBody>
          <a:bodyPr tIns="756000" anchor="ctr"/>
          <a:lstStyle>
            <a:lvl1pPr algn="ctr">
              <a:defRPr>
                <a:solidFill>
                  <a:schemeClr val="accent4"/>
                </a:solidFill>
              </a:defRPr>
            </a:lvl1pPr>
          </a:lstStyle>
          <a:p>
            <a:r>
              <a:rPr lang="en-US" dirty="0"/>
              <a:t>Click icon to add picture</a:t>
            </a:r>
          </a:p>
        </p:txBody>
      </p:sp>
      <p:sp>
        <p:nvSpPr>
          <p:cNvPr id="10" name="Content Placeholder 3">
            <a:extLst>
              <a:ext uri="{FF2B5EF4-FFF2-40B4-BE49-F238E27FC236}">
                <a16:creationId xmlns:a16="http://schemas.microsoft.com/office/drawing/2014/main" id="{E443FC17-BCDF-43B2-ACE2-E95733DC12BE}"/>
              </a:ext>
            </a:extLst>
          </p:cNvPr>
          <p:cNvSpPr>
            <a:spLocks noGrp="1"/>
          </p:cNvSpPr>
          <p:nvPr>
            <p:ph sz="quarter" idx="27"/>
          </p:nvPr>
        </p:nvSpPr>
        <p:spPr bwMode="gray">
          <a:xfrm>
            <a:off x="263525" y="1844826"/>
            <a:ext cx="3672236" cy="4752526"/>
          </a:xfrm>
          <a:solidFill>
            <a:schemeClr val="tx2"/>
          </a:solidFill>
        </p:spPr>
        <p:txBody>
          <a:bodyPr lIns="324000" tIns="252000" rIns="324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p:txBody>
      </p:sp>
      <p:sp>
        <p:nvSpPr>
          <p:cNvPr id="11" name="TextBox 10">
            <a:extLst>
              <a:ext uri="{FF2B5EF4-FFF2-40B4-BE49-F238E27FC236}">
                <a16:creationId xmlns:a16="http://schemas.microsoft.com/office/drawing/2014/main" id="{A48DE629-552D-4BCA-8F77-4918F9D3816D}"/>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0867406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Content (4) &amp; (Red) (1.2)">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C0EE7B7B-F566-4855-B2E0-D348111D66F4}"/>
              </a:ext>
            </a:extLst>
          </p:cNvPr>
          <p:cNvSpPr>
            <a:spLocks noGrp="1"/>
          </p:cNvSpPr>
          <p:nvPr>
            <p:ph type="pic" sz="quarter" idx="18"/>
          </p:nvPr>
        </p:nvSpPr>
        <p:spPr>
          <a:xfrm>
            <a:off x="3431704" y="1268760"/>
            <a:ext cx="4248472" cy="2448272"/>
          </a:xfrm>
          <a:noFill/>
        </p:spPr>
        <p:txBody>
          <a:bodyPr tIns="756000" anchor="ctr"/>
          <a:lstStyle>
            <a:lvl1pPr algn="ctr">
              <a:defRPr>
                <a:solidFill>
                  <a:schemeClr val="accent4"/>
                </a:solidFill>
              </a:defRPr>
            </a:lvl1pPr>
          </a:lstStyle>
          <a:p>
            <a:r>
              <a:rPr lang="en-US" dirty="0"/>
              <a:t>Click icon to add pictur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7" name="Picture Placeholder 3">
            <a:extLst>
              <a:ext uri="{FF2B5EF4-FFF2-40B4-BE49-F238E27FC236}">
                <a16:creationId xmlns:a16="http://schemas.microsoft.com/office/drawing/2014/main" id="{97E6A79D-7394-4BCC-8689-C94B7FC7798A}"/>
              </a:ext>
            </a:extLst>
          </p:cNvPr>
          <p:cNvSpPr>
            <a:spLocks noGrp="1"/>
          </p:cNvSpPr>
          <p:nvPr>
            <p:ph type="pic" sz="quarter" idx="19"/>
          </p:nvPr>
        </p:nvSpPr>
        <p:spPr>
          <a:xfrm>
            <a:off x="7896027" y="1268760"/>
            <a:ext cx="4032448" cy="2448272"/>
          </a:xfrm>
          <a:noFill/>
        </p:spPr>
        <p:txBody>
          <a:bodyPr tIns="756000" anchor="ctr"/>
          <a:lstStyle>
            <a:lvl1pPr algn="ctr">
              <a:defRPr>
                <a:solidFill>
                  <a:schemeClr val="accent4"/>
                </a:solidFill>
              </a:defRPr>
            </a:lvl1pPr>
          </a:lstStyle>
          <a:p>
            <a:r>
              <a:rPr lang="en-US" dirty="0"/>
              <a:t>Click icon to add picture</a:t>
            </a:r>
          </a:p>
        </p:txBody>
      </p:sp>
      <p:sp>
        <p:nvSpPr>
          <p:cNvPr id="8" name="Picture Placeholder 3">
            <a:extLst>
              <a:ext uri="{FF2B5EF4-FFF2-40B4-BE49-F238E27FC236}">
                <a16:creationId xmlns:a16="http://schemas.microsoft.com/office/drawing/2014/main" id="{A2501572-ACDF-4C5D-9DF5-F46F5B75D4D3}"/>
              </a:ext>
            </a:extLst>
          </p:cNvPr>
          <p:cNvSpPr>
            <a:spLocks noGrp="1"/>
          </p:cNvSpPr>
          <p:nvPr>
            <p:ph type="pic" sz="quarter" idx="20"/>
          </p:nvPr>
        </p:nvSpPr>
        <p:spPr>
          <a:xfrm>
            <a:off x="3431704" y="3896966"/>
            <a:ext cx="4248472" cy="2448272"/>
          </a:xfrm>
          <a:noFill/>
        </p:spPr>
        <p:txBody>
          <a:bodyPr tIns="756000" anchor="ctr"/>
          <a:lstStyle>
            <a:lvl1pPr algn="ctr">
              <a:defRPr>
                <a:solidFill>
                  <a:schemeClr val="accent4"/>
                </a:solidFill>
              </a:defRPr>
            </a:lvl1pPr>
          </a:lstStyle>
          <a:p>
            <a:r>
              <a:rPr lang="en-US" dirty="0"/>
              <a:t>Click icon to add picture</a:t>
            </a:r>
          </a:p>
        </p:txBody>
      </p:sp>
      <p:sp>
        <p:nvSpPr>
          <p:cNvPr id="9" name="Picture Placeholder 3">
            <a:extLst>
              <a:ext uri="{FF2B5EF4-FFF2-40B4-BE49-F238E27FC236}">
                <a16:creationId xmlns:a16="http://schemas.microsoft.com/office/drawing/2014/main" id="{E9DDE618-DE60-409A-81C9-DF306EC1F8BE}"/>
              </a:ext>
            </a:extLst>
          </p:cNvPr>
          <p:cNvSpPr>
            <a:spLocks noGrp="1"/>
          </p:cNvSpPr>
          <p:nvPr>
            <p:ph type="pic" sz="quarter" idx="21"/>
          </p:nvPr>
        </p:nvSpPr>
        <p:spPr>
          <a:xfrm>
            <a:off x="7896027" y="3896966"/>
            <a:ext cx="4032448" cy="2448272"/>
          </a:xfrm>
          <a:noFill/>
        </p:spPr>
        <p:txBody>
          <a:bodyPr tIns="756000" anchor="ctr"/>
          <a:lstStyle>
            <a:lvl1pPr algn="ctr">
              <a:defRPr>
                <a:solidFill>
                  <a:schemeClr val="accent4"/>
                </a:solidFill>
              </a:defRPr>
            </a:lvl1pPr>
          </a:lstStyle>
          <a:p>
            <a:r>
              <a:rPr lang="en-US" dirty="0"/>
              <a:t>Click icon to add picture</a:t>
            </a:r>
          </a:p>
        </p:txBody>
      </p:sp>
      <p:sp>
        <p:nvSpPr>
          <p:cNvPr id="12" name="Content Placeholder 3">
            <a:extLst>
              <a:ext uri="{FF2B5EF4-FFF2-40B4-BE49-F238E27FC236}">
                <a16:creationId xmlns:a16="http://schemas.microsoft.com/office/drawing/2014/main" id="{5DE7F3C5-E709-407F-AE6E-D2E1093035DE}"/>
              </a:ext>
            </a:extLst>
          </p:cNvPr>
          <p:cNvSpPr>
            <a:spLocks noGrp="1"/>
          </p:cNvSpPr>
          <p:nvPr>
            <p:ph sz="quarter" idx="26"/>
          </p:nvPr>
        </p:nvSpPr>
        <p:spPr bwMode="gray">
          <a:xfrm>
            <a:off x="263525" y="1268760"/>
            <a:ext cx="2952155" cy="5076478"/>
          </a:xfrm>
          <a:solidFill>
            <a:schemeClr val="accent5"/>
          </a:solidFill>
        </p:spPr>
        <p:txBody>
          <a:bodyPr lIns="252000" tIns="216000" rIns="252000" bIns="46800"/>
          <a:lstStyle>
            <a:lvl1pPr>
              <a:lnSpc>
                <a:spcPct val="100000"/>
              </a:lnSpc>
              <a:spcBef>
                <a:spcPts val="600"/>
              </a:spcBef>
              <a:defRPr sz="2000" b="1">
                <a:solidFill>
                  <a:schemeClr val="bg1"/>
                </a:solidFill>
              </a:defRPr>
            </a:lvl1pPr>
            <a:lvl2pPr>
              <a:lnSpc>
                <a:spcPct val="100000"/>
              </a:lnSpc>
              <a:spcBef>
                <a:spcPts val="600"/>
              </a:spcBef>
              <a:defRPr sz="2000" b="1"/>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p:txBody>
      </p:sp>
      <p:sp>
        <p:nvSpPr>
          <p:cNvPr id="14" name="Title 1">
            <a:extLst>
              <a:ext uri="{FF2B5EF4-FFF2-40B4-BE49-F238E27FC236}">
                <a16:creationId xmlns:a16="http://schemas.microsoft.com/office/drawing/2014/main" id="{42B434BB-384B-450C-9091-686F6412B5C7}"/>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11" name="TextBox 10">
            <a:extLst>
              <a:ext uri="{FF2B5EF4-FFF2-40B4-BE49-F238E27FC236}">
                <a16:creationId xmlns:a16="http://schemas.microsoft.com/office/drawing/2014/main" id="{3FAFDB29-6085-4001-A317-7E64202DA7DB}"/>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990981969"/>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CF477D-6C63-4F4F-9AE3-EEDFA6E93E4A}"/>
              </a:ext>
            </a:extLst>
          </p:cNvPr>
          <p:cNvSpPr>
            <a:spLocks noGrp="1"/>
          </p:cNvSpPr>
          <p:nvPr>
            <p:ph type="title" hasCustomPrompt="1"/>
          </p:nvPr>
        </p:nvSpPr>
        <p:spPr>
          <a:xfrm>
            <a:off x="263524" y="187199"/>
            <a:ext cx="8856000" cy="435600"/>
          </a:xfrm>
        </p:spPr>
        <p:txBody>
          <a:bodyPr anchor="ctr">
            <a:noAutofit/>
          </a:bodyPr>
          <a:lstStyle>
            <a:lvl1pPr>
              <a:defRPr sz="2400"/>
            </a:lvl1pPr>
          </a:lstStyle>
          <a:p>
            <a:r>
              <a:rPr lang="en-US" dirty="0"/>
              <a:t>Click to edit Master Title style</a:t>
            </a:r>
          </a:p>
        </p:txBody>
      </p:sp>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8" name="Content Placeholder 3">
            <a:extLst>
              <a:ext uri="{FF2B5EF4-FFF2-40B4-BE49-F238E27FC236}">
                <a16:creationId xmlns:a16="http://schemas.microsoft.com/office/drawing/2014/main" id="{60209B7B-C8FD-4B4E-8E75-636AE148E250}"/>
              </a:ext>
            </a:extLst>
          </p:cNvPr>
          <p:cNvSpPr>
            <a:spLocks noGrp="1"/>
          </p:cNvSpPr>
          <p:nvPr>
            <p:ph sz="quarter" idx="30"/>
          </p:nvPr>
        </p:nvSpPr>
        <p:spPr bwMode="gray">
          <a:xfrm>
            <a:off x="263524" y="2097089"/>
            <a:ext cx="11664951" cy="3564156"/>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Content Placeholder 3">
            <a:extLst>
              <a:ext uri="{FF2B5EF4-FFF2-40B4-BE49-F238E27FC236}">
                <a16:creationId xmlns:a16="http://schemas.microsoft.com/office/drawing/2014/main" id="{9D907760-3A9C-4029-BC6E-C55487567DDB}"/>
              </a:ext>
            </a:extLst>
          </p:cNvPr>
          <p:cNvSpPr>
            <a:spLocks noGrp="1"/>
          </p:cNvSpPr>
          <p:nvPr>
            <p:ph sz="quarter" idx="31" hasCustomPrompt="1"/>
          </p:nvPr>
        </p:nvSpPr>
        <p:spPr bwMode="gray">
          <a:xfrm>
            <a:off x="263524" y="882844"/>
            <a:ext cx="11664951" cy="856793"/>
          </a:xfrm>
        </p:spPr>
        <p:txBody>
          <a:bodyPr lIns="0" tIns="144000" rIns="0" bIns="0"/>
          <a:lstStyle>
            <a:lvl1pPr marL="0" marR="0" indent="0" algn="l" defTabSz="914400" rtl="0" eaLnBrk="1" fontAlgn="auto" latinLnBrk="0" hangingPunct="1">
              <a:lnSpc>
                <a:spcPct val="90000"/>
              </a:lnSpc>
              <a:spcBef>
                <a:spcPts val="600"/>
              </a:spcBef>
              <a:spcAft>
                <a:spcPts val="0"/>
              </a:spcAft>
              <a:buClrTx/>
              <a:buSzTx/>
              <a:buFont typeface="Arial" panose="020B0604020202020204" pitchFamily="34" charset="0"/>
              <a:buNone/>
              <a:tabLst/>
              <a:defRPr sz="1800"/>
            </a:lvl1pPr>
            <a:lvl2pPr marL="0" indent="0">
              <a:lnSpc>
                <a:spcPct val="90000"/>
              </a:lnSpc>
              <a:spcBef>
                <a:spcPts val="1000"/>
              </a:spcBef>
              <a:buNone/>
              <a:defRPr sz="1800"/>
            </a:lvl2pPr>
            <a:lvl3pPr>
              <a:lnSpc>
                <a:spcPct val="90000"/>
              </a:lnSpc>
              <a:spcBef>
                <a:spcPts val="1000"/>
              </a:spcBef>
              <a:defRPr/>
            </a:lvl3pPr>
            <a:lvl4pPr>
              <a:lnSpc>
                <a:spcPct val="90000"/>
              </a:lnSpc>
              <a:spcBef>
                <a:spcPts val="1000"/>
              </a:spcBef>
              <a:defRPr/>
            </a:lvl4pPr>
            <a:lvl5pPr>
              <a:lnSpc>
                <a:spcPct val="90000"/>
              </a:lnSpc>
              <a:spcBef>
                <a:spcPts val="1000"/>
              </a:spcBef>
              <a:defRPr/>
            </a:lvl5pPr>
          </a:lstStyle>
          <a:p>
            <a:pPr lvl="0"/>
            <a:r>
              <a:rPr lang="en-US" dirty="0"/>
              <a:t>Click to edit Master Subtitle styles</a:t>
            </a:r>
          </a:p>
          <a:p>
            <a:pPr lvl="0"/>
            <a:r>
              <a:rPr lang="en-US" dirty="0"/>
              <a:t>Click to edit Master Subtitle styles</a:t>
            </a:r>
          </a:p>
        </p:txBody>
      </p:sp>
      <p:sp>
        <p:nvSpPr>
          <p:cNvPr id="10" name="Text Placeholder 7">
            <a:extLst>
              <a:ext uri="{FF2B5EF4-FFF2-40B4-BE49-F238E27FC236}">
                <a16:creationId xmlns:a16="http://schemas.microsoft.com/office/drawing/2014/main" id="{3CA8DD60-BCEB-4178-AAEE-8C17E6DDA853}"/>
              </a:ext>
            </a:extLst>
          </p:cNvPr>
          <p:cNvSpPr>
            <a:spLocks noGrp="1"/>
          </p:cNvSpPr>
          <p:nvPr>
            <p:ph type="body" sz="quarter" idx="29"/>
          </p:nvPr>
        </p:nvSpPr>
        <p:spPr bwMode="gray">
          <a:xfrm>
            <a:off x="0" y="5805264"/>
            <a:ext cx="12192000" cy="539974"/>
          </a:xfrm>
          <a:solidFill>
            <a:schemeClr val="accent6"/>
          </a:solidFill>
        </p:spPr>
        <p:txBody>
          <a:bodyPr tIns="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2" name="TextBox 11">
            <a:extLst>
              <a:ext uri="{FF2B5EF4-FFF2-40B4-BE49-F238E27FC236}">
                <a16:creationId xmlns:a16="http://schemas.microsoft.com/office/drawing/2014/main" id="{6952B5F3-132F-4F3B-8B9B-D889F16FF688}"/>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243808084"/>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Final Slide">
    <p:spTree>
      <p:nvGrpSpPr>
        <p:cNvPr id="1" name=""/>
        <p:cNvGrpSpPr/>
        <p:nvPr/>
      </p:nvGrpSpPr>
      <p:grpSpPr>
        <a:xfrm>
          <a:off x="0" y="0"/>
          <a:ext cx="0" cy="0"/>
          <a:chOff x="0" y="0"/>
          <a:chExt cx="0" cy="0"/>
        </a:xfrm>
      </p:grpSpPr>
      <p:sp>
        <p:nvSpPr>
          <p:cNvPr id="2"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D5D7E4A5-E379-4431-ABB5-D19AD331210A}"/>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pic>
        <p:nvPicPr>
          <p:cNvPr id="10" name="Picture 9">
            <a:extLst>
              <a:ext uri="{FF2B5EF4-FFF2-40B4-BE49-F238E27FC236}">
                <a16:creationId xmlns:a16="http://schemas.microsoft.com/office/drawing/2014/main" id="{3C451DF4-4F65-44A6-AD60-73D4D1F2EC70}"/>
              </a:ext>
            </a:extLst>
          </p:cNvPr>
          <p:cNvPicPr>
            <a:picLocks noChangeAspect="1"/>
          </p:cNvPicPr>
          <p:nvPr userDrawn="1"/>
        </p:nvPicPr>
        <p:blipFill>
          <a:blip r:embed="rId2"/>
          <a:stretch>
            <a:fillRect/>
          </a:stretch>
        </p:blipFill>
        <p:spPr>
          <a:xfrm>
            <a:off x="4134468" y="2869481"/>
            <a:ext cx="3923063" cy="1119039"/>
          </a:xfrm>
          <a:prstGeom prst="rect">
            <a:avLst/>
          </a:prstGeom>
        </p:spPr>
      </p:pic>
    </p:spTree>
    <p:extLst>
      <p:ext uri="{BB962C8B-B14F-4D97-AF65-F5344CB8AC3E}">
        <p14:creationId xmlns:p14="http://schemas.microsoft.com/office/powerpoint/2010/main" val="630426249"/>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467579" y="1608016"/>
            <a:ext cx="2786833" cy="400109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br>
              <a:rPr lang="en-US"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In the dropdown, click </a:t>
            </a:r>
            <a:r>
              <a:rPr lang="en-US" altLang="da-DK" sz="900" b="1" baseline="0" noProof="1">
                <a:solidFill>
                  <a:schemeClr val="tx1"/>
                </a:solidFill>
                <a:latin typeface="+mn-lt"/>
                <a:cs typeface="Arial" panose="020B0604020202020204" pitchFamily="34" charset="0"/>
              </a:rPr>
              <a:t>Images</a:t>
            </a:r>
            <a:r>
              <a:rPr lang="en-US" altLang="da-DK" sz="900" b="0" baseline="0" noProof="1">
                <a:solidFill>
                  <a:schemeClr val="tx1"/>
                </a:solidFill>
                <a:latin typeface="+mn-lt"/>
                <a:cs typeface="Arial" panose="020B0604020202020204" pitchFamily="34" charset="0"/>
              </a:rPr>
              <a:t>,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or 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 on the right side of the screen</a:t>
            </a:r>
            <a:endParaRPr lang="en-US"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54412" y="187609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539752" y="1613646"/>
            <a:ext cx="2280360"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a:t>
            </a:r>
            <a:br>
              <a:rPr lang="en-US" sz="900" b="1" baseline="0" noProof="1">
                <a:solidFill>
                  <a:schemeClr val="tx1"/>
                </a:solidFill>
                <a:latin typeface="+mn-lt"/>
                <a:cs typeface="Arial" panose="020B0604020202020204" pitchFamily="34" charset="0"/>
              </a:rPr>
            </a:br>
            <a:r>
              <a:rPr lang="en-US" sz="900" baseline="0" noProof="1">
                <a:solidFill>
                  <a:schemeClr val="tx1"/>
                </a:solidFill>
                <a:latin typeface="+mn-lt"/>
                <a:cs typeface="Arial" panose="020B0604020202020204" pitchFamily="34" charset="0"/>
              </a:rPr>
              <a:t>list level can be used</a:t>
            </a:r>
          </a:p>
          <a:p>
            <a:pPr eaLnBrk="1" hangingPunct="1">
              <a:spcAft>
                <a:spcPts val="600"/>
              </a:spcAft>
              <a:defRPr/>
            </a:pP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br>
              <a:rPr lang="en-US" altLang="da-DK" sz="900" b="1" noProof="1">
                <a:solidFill>
                  <a:schemeClr val="tx1"/>
                </a:solidFill>
                <a:latin typeface="+mn-lt"/>
                <a:cs typeface="Arial" panose="020B0604020202020204" pitchFamily="34" charset="0"/>
              </a:rPr>
            </a:br>
            <a:br>
              <a:rPr lang="en-US" altLang="da-DK" sz="900" b="1"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mn-lt"/>
                <a:ea typeface="Arial" panose="020B0604020202020204" pitchFamily="34" charset="0"/>
                <a:cs typeface="Arial" panose="020B0604020202020204" pitchFamily="34" charset="0"/>
              </a:rPr>
              <a:t>Click on the arrow next to </a:t>
            </a:r>
            <a:r>
              <a:rPr lang="en-US" sz="900" b="1" dirty="0">
                <a:solidFill>
                  <a:srgbClr val="000000"/>
                </a:solidFill>
                <a:latin typeface="+mn-lt"/>
                <a:ea typeface="Arial" panose="020B0604020202020204" pitchFamily="34" charset="0"/>
                <a:cs typeface="Arial" panose="020B0604020202020204" pitchFamily="34" charset="0"/>
              </a:rPr>
              <a:t>Layout</a:t>
            </a:r>
            <a:br>
              <a:rPr lang="en-US" sz="900" b="1" dirty="0">
                <a:solidFill>
                  <a:srgbClr val="000000"/>
                </a:solidFill>
                <a:latin typeface="+mn-lt"/>
                <a:ea typeface="Arial" panose="020B0604020202020204" pitchFamily="34" charset="0"/>
                <a:cs typeface="Arial" panose="020B0604020202020204" pitchFamily="34" charset="0"/>
              </a:rPr>
            </a:br>
            <a:r>
              <a:rPr lang="en-US" sz="900" dirty="0">
                <a:solidFill>
                  <a:srgbClr val="000000"/>
                </a:solidFill>
                <a:latin typeface="+mn-lt"/>
                <a:ea typeface="Arial" panose="020B0604020202020204" pitchFamily="34" charset="0"/>
                <a:cs typeface="Arial" panose="020B0604020202020204" pitchFamily="34" charset="0"/>
              </a:rPr>
              <a:t>to view a dropdown menu of possible slide layouts</a:t>
            </a:r>
            <a:br>
              <a:rPr lang="en-US" altLang="da-DK" sz="900" b="0" baseline="0" noProof="1">
                <a:solidFill>
                  <a:schemeClr val="tx1"/>
                </a:solidFill>
                <a:latin typeface="+mn-lt"/>
                <a:cs typeface="Arial" panose="020B0604020202020204" pitchFamily="34" charset="0"/>
              </a:rPr>
            </a:br>
            <a:br>
              <a:rPr lang="en-US" altLang="da-DK" sz="900" b="0" baseline="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a:t>
            </a:r>
            <a:br>
              <a:rPr lang="en-US" altLang="da-DK" sz="900" baseline="0" noProof="1">
                <a:solidFill>
                  <a:schemeClr val="tx1"/>
                </a:solidFill>
                <a:latin typeface="+mn-lt"/>
                <a:cs typeface="Arial" panose="020B0604020202020204" pitchFamily="34" charset="0"/>
              </a:rPr>
            </a:br>
            <a:r>
              <a:rPr lang="en-US" altLang="da-DK" sz="900" baseline="0" noProof="1">
                <a:solidFill>
                  <a:schemeClr val="tx1"/>
                </a:solidFill>
                <a:latin typeface="+mn-lt"/>
                <a:cs typeface="Arial" panose="020B0604020202020204" pitchFamily="34" charset="0"/>
              </a:rPr>
              <a:t>slide placeholders to their default settings</a:t>
            </a:r>
            <a:endParaRPr lang="en-US" altLang="da-DK" sz="900"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859631" y="3322850"/>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860172" y="2599667"/>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a:srcRect l="3901" t="45142" r="62601" b="9046"/>
          <a:stretch/>
        </p:blipFill>
        <p:spPr>
          <a:xfrm>
            <a:off x="7254412" y="3118826"/>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866053" y="4313402"/>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866053" y="5641555"/>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7310433" y="3928566"/>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729773" y="1608016"/>
            <a:ext cx="2358243" cy="390876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a:t>
            </a:r>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RIDLIN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from the Templafy button. Choose </a:t>
            </a: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539752" y="448713"/>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266198" y="463584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866052" y="5077014"/>
            <a:ext cx="475428" cy="176762"/>
          </a:xfrm>
          <a:prstGeom prst="rect">
            <a:avLst/>
          </a:prstGeom>
        </p:spPr>
      </p:pic>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12"/>
          <a:stretch>
            <a:fillRect/>
          </a:stretch>
        </p:blipFill>
        <p:spPr>
          <a:xfrm>
            <a:off x="11266198" y="2217244"/>
            <a:ext cx="378293" cy="543366"/>
          </a:xfrm>
          <a:prstGeom prst="rect">
            <a:avLst/>
          </a:prstGeom>
        </p:spPr>
      </p:pic>
    </p:spTree>
    <p:extLst>
      <p:ext uri="{BB962C8B-B14F-4D97-AF65-F5344CB8AC3E}">
        <p14:creationId xmlns:p14="http://schemas.microsoft.com/office/powerpoint/2010/main" val="326537167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type="title" preserve="1">
  <p:cSld name="Divider 1.0">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BD04DA-BB47-4750-8A44-88B15E82698A}"/>
              </a:ext>
            </a:extLst>
          </p:cNvPr>
          <p:cNvSpPr>
            <a:spLocks noGrp="1"/>
          </p:cNvSpPr>
          <p:nvPr>
            <p:ph type="ctrTitle" hasCustomPrompt="1"/>
          </p:nvPr>
        </p:nvSpPr>
        <p:spPr>
          <a:xfrm>
            <a:off x="1595639" y="3225600"/>
            <a:ext cx="8815185" cy="666000"/>
          </a:xfrm>
        </p:spPr>
        <p:txBody>
          <a:bodyPr anchor="t"/>
          <a:lstStyle>
            <a:lvl1pPr algn="l">
              <a:defRPr sz="4800">
                <a:solidFill>
                  <a:schemeClr val="tx1"/>
                </a:solidFill>
              </a:defRPr>
            </a:lvl1pPr>
          </a:lstStyle>
          <a:p>
            <a:r>
              <a:rPr lang="en-US" dirty="0"/>
              <a:t>Divider</a:t>
            </a:r>
          </a:p>
        </p:txBody>
      </p:sp>
      <p:sp>
        <p:nvSpPr>
          <p:cNvPr id="3" name="Subtitle 2">
            <a:extLst>
              <a:ext uri="{FF2B5EF4-FFF2-40B4-BE49-F238E27FC236}">
                <a16:creationId xmlns:a16="http://schemas.microsoft.com/office/drawing/2014/main" id="{177D401E-C526-460A-93D8-F3AC71E51603}"/>
              </a:ext>
            </a:extLst>
          </p:cNvPr>
          <p:cNvSpPr>
            <a:spLocks noGrp="1"/>
          </p:cNvSpPr>
          <p:nvPr>
            <p:ph type="subTitle" idx="1" hasCustomPrompt="1"/>
          </p:nvPr>
        </p:nvSpPr>
        <p:spPr>
          <a:xfrm>
            <a:off x="1594566" y="3945041"/>
            <a:ext cx="8815185" cy="648000"/>
          </a:xfrm>
        </p:spPr>
        <p:txBody>
          <a:bodyPr lIns="36000" tIns="0"/>
          <a:lstStyle>
            <a:lvl1pPr marL="0" indent="0" algn="l">
              <a:buNone/>
              <a:defRPr sz="3200">
                <a:solidFill>
                  <a:schemeClr val="tx1"/>
                </a:solidFill>
                <a:latin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Version 1.0</a:t>
            </a:r>
          </a:p>
        </p:txBody>
      </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266400" y="6555600"/>
            <a:ext cx="8852400" cy="212400"/>
          </a:xfrm>
          <a:prstGeom prst="rect">
            <a:avLst/>
          </a:prstGeom>
        </p:spPr>
        <p:txBody>
          <a:bodyPr/>
          <a:lstStyle>
            <a:lvl1pPr>
              <a:defRPr>
                <a:solidFill>
                  <a:schemeClr val="accent4"/>
                </a:solidFill>
              </a:defRPr>
            </a:lvl1pPr>
          </a:lstStyle>
          <a:p>
            <a:endParaRPr lang="en-US" dirty="0"/>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grpSp>
        <p:nvGrpSpPr>
          <p:cNvPr id="8" name="グループ化 39">
            <a:extLst>
              <a:ext uri="{FF2B5EF4-FFF2-40B4-BE49-F238E27FC236}">
                <a16:creationId xmlns:a16="http://schemas.microsoft.com/office/drawing/2014/main" id="{B3FFABD1-269F-4846-BFA7-64B93DCEC6FF}"/>
              </a:ext>
            </a:extLst>
          </p:cNvPr>
          <p:cNvGrpSpPr/>
          <p:nvPr userDrawn="1"/>
        </p:nvGrpSpPr>
        <p:grpSpPr bwMode="gray">
          <a:xfrm>
            <a:off x="263526" y="2708310"/>
            <a:ext cx="11664950" cy="129984"/>
            <a:chOff x="324487" y="2057426"/>
            <a:chExt cx="8495663" cy="97488"/>
          </a:xfrm>
        </p:grpSpPr>
        <p:sp>
          <p:nvSpPr>
            <p:cNvPr id="9" name="正方形/長方形 11">
              <a:extLst>
                <a:ext uri="{FF2B5EF4-FFF2-40B4-BE49-F238E27FC236}">
                  <a16:creationId xmlns:a16="http://schemas.microsoft.com/office/drawing/2014/main" id="{4E3F898B-5217-45A3-AF93-4EDA063B5749}"/>
                </a:ext>
              </a:extLst>
            </p:cNvPr>
            <p:cNvSpPr>
              <a:spLocks noChangeArrowheads="1"/>
            </p:cNvSpPr>
            <p:nvPr/>
          </p:nvSpPr>
          <p:spPr bwMode="gray">
            <a:xfrm>
              <a:off x="324489" y="2057426"/>
              <a:ext cx="8495661" cy="97488"/>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0" name="グループ化 16">
              <a:extLst>
                <a:ext uri="{FF2B5EF4-FFF2-40B4-BE49-F238E27FC236}">
                  <a16:creationId xmlns:a16="http://schemas.microsoft.com/office/drawing/2014/main" id="{CEAA1F3A-29E0-4030-B5D2-D5DBBF92BB2E}"/>
                </a:ext>
              </a:extLst>
            </p:cNvPr>
            <p:cNvGrpSpPr/>
            <p:nvPr/>
          </p:nvGrpSpPr>
          <p:grpSpPr bwMode="gray">
            <a:xfrm>
              <a:off x="324487" y="2057426"/>
              <a:ext cx="1938812" cy="97488"/>
              <a:chOff x="312738" y="2747963"/>
              <a:chExt cx="1970087" cy="109537"/>
            </a:xfrm>
          </p:grpSpPr>
          <p:sp>
            <p:nvSpPr>
              <p:cNvPr id="11" name="正方形/長方形 42">
                <a:extLst>
                  <a:ext uri="{FF2B5EF4-FFF2-40B4-BE49-F238E27FC236}">
                    <a16:creationId xmlns:a16="http://schemas.microsoft.com/office/drawing/2014/main" id="{6DDE0990-A36E-471E-933F-CBBD7D5F100B}"/>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12" name="正方形/長方形 43">
                <a:extLst>
                  <a:ext uri="{FF2B5EF4-FFF2-40B4-BE49-F238E27FC236}">
                    <a16:creationId xmlns:a16="http://schemas.microsoft.com/office/drawing/2014/main" id="{CCC91D33-C000-46EE-8043-68A33CD8C5CB}"/>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pic>
        <p:nvPicPr>
          <p:cNvPr id="13" name="Graphic 12">
            <a:extLst>
              <a:ext uri="{FF2B5EF4-FFF2-40B4-BE49-F238E27FC236}">
                <a16:creationId xmlns:a16="http://schemas.microsoft.com/office/drawing/2014/main" id="{FA1122BB-230C-4847-B4DB-5993ECBB9E8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01664" y="41555"/>
            <a:ext cx="4054618" cy="962688"/>
          </a:xfrm>
          <a:prstGeom prst="rect">
            <a:avLst/>
          </a:prstGeom>
        </p:spPr>
      </p:pic>
      <p:sp>
        <p:nvSpPr>
          <p:cNvPr id="15" name="TextBox 14">
            <a:extLst>
              <a:ext uri="{FF2B5EF4-FFF2-40B4-BE49-F238E27FC236}">
                <a16:creationId xmlns:a16="http://schemas.microsoft.com/office/drawing/2014/main" id="{3DEE2B61-FBE9-4E5F-BE7B-55479B0F5AA9}"/>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EBD09944-D74A-4A12-B3E2-E9738BE1E4B8}"/>
              </a:ext>
            </a:extLst>
          </p:cNvPr>
          <p:cNvSpPr txBox="1"/>
          <p:nvPr userDrawn="1"/>
        </p:nvSpPr>
        <p:spPr bwMode="gray">
          <a:xfrm>
            <a:off x="9384507" y="6604001"/>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187849001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a:xfrm>
            <a:off x="875270" y="6432550"/>
            <a:ext cx="2743200" cy="216000"/>
          </a:xfrm>
          <a:prstGeom prst="rect">
            <a:avLst/>
          </a:prstGeom>
        </p:spPr>
        <p:txBody>
          <a:bodyPr vert="horz" lIns="0" tIns="0" rIns="0" bIns="0" rtlCol="0" anchor="ctr"/>
          <a:lstStyle>
            <a:defPPr>
              <a:defRPr lang="en-US"/>
            </a:defPPr>
            <a:lvl1pPr marL="0" algn="l"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401CC16F-1C62-447A-91D5-C3D75F6D2ED0}" type="datetime3">
              <a:rPr lang="en-US" smtClean="0"/>
              <a:pPr/>
              <a:t>4 December 2021</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6760056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userDrawn="1">
  <p:cSld name="Cover Slide - Brighter Picture A">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1CF88986-2209-4C0E-B659-27E9C12C7660}"/>
              </a:ext>
            </a:extLst>
          </p:cNvPr>
          <p:cNvSpPr/>
          <p:nvPr userDrawn="1"/>
        </p:nvSpPr>
        <p:spPr>
          <a:xfrm>
            <a:off x="0" y="0"/>
            <a:ext cx="12192000" cy="4820825"/>
          </a:xfrm>
          <a:prstGeom prst="rect">
            <a:avLst/>
          </a:prstGeom>
          <a:solidFill>
            <a:srgbClr val="3F3B3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da-DK" sz="1400" dirty="0" err="1">
              <a:solidFill>
                <a:schemeClr val="tx1"/>
              </a:solidFill>
            </a:endParaRPr>
          </a:p>
        </p:txBody>
      </p:sp>
      <p:sp>
        <p:nvSpPr>
          <p:cNvPr id="11" name="Rectangle 10">
            <a:extLst>
              <a:ext uri="{FF2B5EF4-FFF2-40B4-BE49-F238E27FC236}">
                <a16:creationId xmlns:a16="http://schemas.microsoft.com/office/drawing/2014/main" id="{E1BB05FF-052E-432D-B4EE-B62BABBDC842}"/>
              </a:ext>
            </a:extLst>
          </p:cNvPr>
          <p:cNvSpPr/>
          <p:nvPr userDrawn="1"/>
        </p:nvSpPr>
        <p:spPr>
          <a:xfrm rot="20700000">
            <a:off x="11832431" y="628173"/>
            <a:ext cx="90769" cy="66675"/>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90" name="Picture Placeholder 89">
            <a:extLst>
              <a:ext uri="{FF2B5EF4-FFF2-40B4-BE49-F238E27FC236}">
                <a16:creationId xmlns:a16="http://schemas.microsoft.com/office/drawing/2014/main" id="{1605A96F-9B34-4286-88E7-DDFACD48E76A}"/>
              </a:ext>
            </a:extLst>
          </p:cNvPr>
          <p:cNvSpPr>
            <a:spLocks noGrp="1"/>
          </p:cNvSpPr>
          <p:nvPr>
            <p:ph type="pic" sz="quarter" idx="14" hasCustomPrompt="1"/>
          </p:nvPr>
        </p:nvSpPr>
        <p:spPr>
          <a:xfrm>
            <a:off x="0" y="3"/>
            <a:ext cx="12192001" cy="4739174"/>
          </a:xfrm>
          <a:custGeom>
            <a:avLst/>
            <a:gdLst>
              <a:gd name="connsiteX0" fmla="*/ 10540255 w 12192001"/>
              <a:gd name="connsiteY0" fmla="*/ 745566 h 4739174"/>
              <a:gd name="connsiteX1" fmla="*/ 10562571 w 12192001"/>
              <a:gd name="connsiteY1" fmla="*/ 783531 h 4739174"/>
              <a:gd name="connsiteX2" fmla="*/ 10540545 w 12192001"/>
              <a:gd name="connsiteY2" fmla="*/ 824685 h 4739174"/>
              <a:gd name="connsiteX3" fmla="*/ 10517650 w 12192001"/>
              <a:gd name="connsiteY3" fmla="*/ 792226 h 4739174"/>
              <a:gd name="connsiteX4" fmla="*/ 10517650 w 12192001"/>
              <a:gd name="connsiteY4" fmla="*/ 783242 h 4739174"/>
              <a:gd name="connsiteX5" fmla="*/ 10540255 w 12192001"/>
              <a:gd name="connsiteY5" fmla="*/ 745566 h 4739174"/>
              <a:gd name="connsiteX6" fmla="*/ 11659805 w 12192001"/>
              <a:gd name="connsiteY6" fmla="*/ 741219 h 4739174"/>
              <a:gd name="connsiteX7" fmla="*/ 11679802 w 12192001"/>
              <a:gd name="connsiteY7" fmla="*/ 762665 h 4739174"/>
              <a:gd name="connsiteX8" fmla="*/ 11637779 w 12192001"/>
              <a:gd name="connsiteY8" fmla="*/ 762665 h 4739174"/>
              <a:gd name="connsiteX9" fmla="*/ 11659805 w 12192001"/>
              <a:gd name="connsiteY9" fmla="*/ 741219 h 4739174"/>
              <a:gd name="connsiteX10" fmla="*/ 11280729 w 12192001"/>
              <a:gd name="connsiteY10" fmla="*/ 741219 h 4739174"/>
              <a:gd name="connsiteX11" fmla="*/ 11300726 w 12192001"/>
              <a:gd name="connsiteY11" fmla="*/ 762665 h 4739174"/>
              <a:gd name="connsiteX12" fmla="*/ 11258703 w 12192001"/>
              <a:gd name="connsiteY12" fmla="*/ 762665 h 4739174"/>
              <a:gd name="connsiteX13" fmla="*/ 11280729 w 12192001"/>
              <a:gd name="connsiteY13" fmla="*/ 741219 h 4739174"/>
              <a:gd name="connsiteX14" fmla="*/ 10850936 w 12192001"/>
              <a:gd name="connsiteY14" fmla="*/ 741219 h 4739174"/>
              <a:gd name="connsiteX15" fmla="*/ 10870933 w 12192001"/>
              <a:gd name="connsiteY15" fmla="*/ 762665 h 4739174"/>
              <a:gd name="connsiteX16" fmla="*/ 10828910 w 12192001"/>
              <a:gd name="connsiteY16" fmla="*/ 762665 h 4739174"/>
              <a:gd name="connsiteX17" fmla="*/ 10850936 w 12192001"/>
              <a:gd name="connsiteY17" fmla="*/ 741219 h 4739174"/>
              <a:gd name="connsiteX18" fmla="*/ 11712261 w 12192001"/>
              <a:gd name="connsiteY18" fmla="*/ 731944 h 4739174"/>
              <a:gd name="connsiteX19" fmla="*/ 11712261 w 12192001"/>
              <a:gd name="connsiteY19" fmla="*/ 740349 h 4739174"/>
              <a:gd name="connsiteX20" fmla="*/ 11714290 w 12192001"/>
              <a:gd name="connsiteY20" fmla="*/ 740349 h 4739174"/>
              <a:gd name="connsiteX21" fmla="*/ 11742402 w 12192001"/>
              <a:gd name="connsiteY21" fmla="*/ 756578 h 4739174"/>
              <a:gd name="connsiteX22" fmla="*/ 11760660 w 12192001"/>
              <a:gd name="connsiteY22" fmla="*/ 780923 h 4739174"/>
              <a:gd name="connsiteX23" fmla="*/ 11730809 w 12192001"/>
              <a:gd name="connsiteY23" fmla="*/ 815410 h 4739174"/>
              <a:gd name="connsiteX24" fmla="*/ 11761529 w 12192001"/>
              <a:gd name="connsiteY24" fmla="*/ 815410 h 4739174"/>
              <a:gd name="connsiteX25" fmla="*/ 11774861 w 12192001"/>
              <a:gd name="connsiteY25" fmla="*/ 800050 h 4739174"/>
              <a:gd name="connsiteX26" fmla="*/ 11803553 w 12192001"/>
              <a:gd name="connsiteY26" fmla="*/ 838305 h 4739174"/>
              <a:gd name="connsiteX27" fmla="*/ 11838040 w 12192001"/>
              <a:gd name="connsiteY27" fmla="*/ 838305 h 4739174"/>
              <a:gd name="connsiteX28" fmla="*/ 11783266 w 12192001"/>
              <a:gd name="connsiteY28" fmla="*/ 766722 h 4739174"/>
              <a:gd name="connsiteX29" fmla="*/ 11811377 w 12192001"/>
              <a:gd name="connsiteY29" fmla="*/ 766722 h 4739174"/>
              <a:gd name="connsiteX30" fmla="*/ 11841228 w 12192001"/>
              <a:gd name="connsiteY30" fmla="*/ 731944 h 4739174"/>
              <a:gd name="connsiteX31" fmla="*/ 11810508 w 12192001"/>
              <a:gd name="connsiteY31" fmla="*/ 731944 h 4739174"/>
              <a:gd name="connsiteX32" fmla="*/ 11782106 w 12192001"/>
              <a:gd name="connsiteY32" fmla="*/ 764693 h 4739174"/>
              <a:gd name="connsiteX33" fmla="*/ 11756892 w 12192001"/>
              <a:gd name="connsiteY33" fmla="*/ 731944 h 4739174"/>
              <a:gd name="connsiteX34" fmla="*/ 11660964 w 12192001"/>
              <a:gd name="connsiteY34" fmla="*/ 729626 h 4739174"/>
              <a:gd name="connsiteX35" fmla="*/ 11606479 w 12192001"/>
              <a:gd name="connsiteY35" fmla="*/ 781502 h 4739174"/>
              <a:gd name="connsiteX36" fmla="*/ 11669948 w 12192001"/>
              <a:gd name="connsiteY36" fmla="*/ 840625 h 4739174"/>
              <a:gd name="connsiteX37" fmla="*/ 11705596 w 12192001"/>
              <a:gd name="connsiteY37" fmla="*/ 834538 h 4739174"/>
              <a:gd name="connsiteX38" fmla="*/ 11707334 w 12192001"/>
              <a:gd name="connsiteY38" fmla="*/ 833959 h 4739174"/>
              <a:gd name="connsiteX39" fmla="*/ 11707334 w 12192001"/>
              <a:gd name="connsiteY39" fmla="*/ 820048 h 4739174"/>
              <a:gd name="connsiteX40" fmla="*/ 11704436 w 12192001"/>
              <a:gd name="connsiteY40" fmla="*/ 820917 h 4739174"/>
              <a:gd name="connsiteX41" fmla="*/ 11681541 w 12192001"/>
              <a:gd name="connsiteY41" fmla="*/ 824395 h 4739174"/>
              <a:gd name="connsiteX42" fmla="*/ 11638069 w 12192001"/>
              <a:gd name="connsiteY42" fmla="*/ 775417 h 4739174"/>
              <a:gd name="connsiteX43" fmla="*/ 11709363 w 12192001"/>
              <a:gd name="connsiteY43" fmla="*/ 775417 h 4739174"/>
              <a:gd name="connsiteX44" fmla="*/ 11709363 w 12192001"/>
              <a:gd name="connsiteY44" fmla="*/ 773678 h 4739174"/>
              <a:gd name="connsiteX45" fmla="*/ 11660964 w 12192001"/>
              <a:gd name="connsiteY45" fmla="*/ 729626 h 4739174"/>
              <a:gd name="connsiteX46" fmla="*/ 10517940 w 12192001"/>
              <a:gd name="connsiteY46" fmla="*/ 729337 h 4739174"/>
              <a:gd name="connsiteX47" fmla="*/ 10515621 w 12192001"/>
              <a:gd name="connsiteY47" fmla="*/ 729626 h 4739174"/>
              <a:gd name="connsiteX48" fmla="*/ 10468961 w 12192001"/>
              <a:gd name="connsiteY48" fmla="*/ 736872 h 4739174"/>
              <a:gd name="connsiteX49" fmla="*/ 10468961 w 12192001"/>
              <a:gd name="connsiteY49" fmla="*/ 744987 h 4739174"/>
              <a:gd name="connsiteX50" fmla="*/ 10470990 w 12192001"/>
              <a:gd name="connsiteY50" fmla="*/ 744987 h 4739174"/>
              <a:gd name="connsiteX51" fmla="*/ 10488379 w 12192001"/>
              <a:gd name="connsiteY51" fmla="*/ 762375 h 4739174"/>
              <a:gd name="connsiteX52" fmla="*/ 10488379 w 12192001"/>
              <a:gd name="connsiteY52" fmla="*/ 882648 h 4739174"/>
              <a:gd name="connsiteX53" fmla="*/ 10517650 w 12192001"/>
              <a:gd name="connsiteY53" fmla="*/ 882648 h 4739174"/>
              <a:gd name="connsiteX54" fmla="*/ 10517650 w 12192001"/>
              <a:gd name="connsiteY54" fmla="*/ 827873 h 4739174"/>
              <a:gd name="connsiteX55" fmla="*/ 10547501 w 12192001"/>
              <a:gd name="connsiteY55" fmla="*/ 840335 h 4739174"/>
              <a:gd name="connsiteX56" fmla="*/ 10594160 w 12192001"/>
              <a:gd name="connsiteY56" fmla="*/ 783242 h 4739174"/>
              <a:gd name="connsiteX57" fmla="*/ 10548660 w 12192001"/>
              <a:gd name="connsiteY57" fmla="*/ 729626 h 4739174"/>
              <a:gd name="connsiteX58" fmla="*/ 10517940 w 12192001"/>
              <a:gd name="connsiteY58" fmla="*/ 744697 h 4739174"/>
              <a:gd name="connsiteX59" fmla="*/ 10517940 w 12192001"/>
              <a:gd name="connsiteY59" fmla="*/ 729337 h 4739174"/>
              <a:gd name="connsiteX60" fmla="*/ 10266092 w 12192001"/>
              <a:gd name="connsiteY60" fmla="*/ 729337 h 4739174"/>
              <a:gd name="connsiteX61" fmla="*/ 10263773 w 12192001"/>
              <a:gd name="connsiteY61" fmla="*/ 729627 h 4739174"/>
              <a:gd name="connsiteX62" fmla="*/ 10217113 w 12192001"/>
              <a:gd name="connsiteY62" fmla="*/ 736872 h 4739174"/>
              <a:gd name="connsiteX63" fmla="*/ 10217113 w 12192001"/>
              <a:gd name="connsiteY63" fmla="*/ 744987 h 4739174"/>
              <a:gd name="connsiteX64" fmla="*/ 10219142 w 12192001"/>
              <a:gd name="connsiteY64" fmla="*/ 744987 h 4739174"/>
              <a:gd name="connsiteX65" fmla="*/ 10237110 w 12192001"/>
              <a:gd name="connsiteY65" fmla="*/ 762375 h 4739174"/>
              <a:gd name="connsiteX66" fmla="*/ 10237110 w 12192001"/>
              <a:gd name="connsiteY66" fmla="*/ 838017 h 4739174"/>
              <a:gd name="connsiteX67" fmla="*/ 10266381 w 12192001"/>
              <a:gd name="connsiteY67" fmla="*/ 838017 h 4739174"/>
              <a:gd name="connsiteX68" fmla="*/ 10266381 w 12192001"/>
              <a:gd name="connsiteY68" fmla="*/ 782373 h 4739174"/>
              <a:gd name="connsiteX69" fmla="*/ 10295073 w 12192001"/>
              <a:gd name="connsiteY69" fmla="*/ 748464 h 4739174"/>
              <a:gd name="connsiteX70" fmla="*/ 10309853 w 12192001"/>
              <a:gd name="connsiteY70" fmla="*/ 779185 h 4739174"/>
              <a:gd name="connsiteX71" fmla="*/ 10309853 w 12192001"/>
              <a:gd name="connsiteY71" fmla="*/ 838017 h 4739174"/>
              <a:gd name="connsiteX72" fmla="*/ 10339124 w 12192001"/>
              <a:gd name="connsiteY72" fmla="*/ 838017 h 4739174"/>
              <a:gd name="connsiteX73" fmla="*/ 10339124 w 12192001"/>
              <a:gd name="connsiteY73" fmla="*/ 762375 h 4739174"/>
              <a:gd name="connsiteX74" fmla="*/ 10306375 w 12192001"/>
              <a:gd name="connsiteY74" fmla="*/ 729627 h 4739174"/>
              <a:gd name="connsiteX75" fmla="*/ 10266092 w 12192001"/>
              <a:gd name="connsiteY75" fmla="*/ 753101 h 4739174"/>
              <a:gd name="connsiteX76" fmla="*/ 10266092 w 12192001"/>
              <a:gd name="connsiteY76" fmla="*/ 729337 h 4739174"/>
              <a:gd name="connsiteX77" fmla="*/ 11281888 w 12192001"/>
              <a:gd name="connsiteY77" fmla="*/ 729336 h 4739174"/>
              <a:gd name="connsiteX78" fmla="*/ 11227403 w 12192001"/>
              <a:gd name="connsiteY78" fmla="*/ 781213 h 4739174"/>
              <a:gd name="connsiteX79" fmla="*/ 11290872 w 12192001"/>
              <a:gd name="connsiteY79" fmla="*/ 840335 h 4739174"/>
              <a:gd name="connsiteX80" fmla="*/ 11326520 w 12192001"/>
              <a:gd name="connsiteY80" fmla="*/ 834248 h 4739174"/>
              <a:gd name="connsiteX81" fmla="*/ 11328258 w 12192001"/>
              <a:gd name="connsiteY81" fmla="*/ 833669 h 4739174"/>
              <a:gd name="connsiteX82" fmla="*/ 11328258 w 12192001"/>
              <a:gd name="connsiteY82" fmla="*/ 820048 h 4739174"/>
              <a:gd name="connsiteX83" fmla="*/ 11325360 w 12192001"/>
              <a:gd name="connsiteY83" fmla="*/ 820917 h 4739174"/>
              <a:gd name="connsiteX84" fmla="*/ 11302465 w 12192001"/>
              <a:gd name="connsiteY84" fmla="*/ 824395 h 4739174"/>
              <a:gd name="connsiteX85" fmla="*/ 11258993 w 12192001"/>
              <a:gd name="connsiteY85" fmla="*/ 775417 h 4739174"/>
              <a:gd name="connsiteX86" fmla="*/ 11330287 w 12192001"/>
              <a:gd name="connsiteY86" fmla="*/ 775417 h 4739174"/>
              <a:gd name="connsiteX87" fmla="*/ 11330287 w 12192001"/>
              <a:gd name="connsiteY87" fmla="*/ 773388 h 4739174"/>
              <a:gd name="connsiteX88" fmla="*/ 11281888 w 12192001"/>
              <a:gd name="connsiteY88" fmla="*/ 729336 h 4739174"/>
              <a:gd name="connsiteX89" fmla="*/ 10852095 w 12192001"/>
              <a:gd name="connsiteY89" fmla="*/ 729336 h 4739174"/>
              <a:gd name="connsiteX90" fmla="*/ 10797320 w 12192001"/>
              <a:gd name="connsiteY90" fmla="*/ 781213 h 4739174"/>
              <a:gd name="connsiteX91" fmla="*/ 10860789 w 12192001"/>
              <a:gd name="connsiteY91" fmla="*/ 840335 h 4739174"/>
              <a:gd name="connsiteX92" fmla="*/ 10896437 w 12192001"/>
              <a:gd name="connsiteY92" fmla="*/ 834249 h 4739174"/>
              <a:gd name="connsiteX93" fmla="*/ 10898175 w 12192001"/>
              <a:gd name="connsiteY93" fmla="*/ 833669 h 4739174"/>
              <a:gd name="connsiteX94" fmla="*/ 10898175 w 12192001"/>
              <a:gd name="connsiteY94" fmla="*/ 820048 h 4739174"/>
              <a:gd name="connsiteX95" fmla="*/ 10895277 w 12192001"/>
              <a:gd name="connsiteY95" fmla="*/ 820917 h 4739174"/>
              <a:gd name="connsiteX96" fmla="*/ 10872382 w 12192001"/>
              <a:gd name="connsiteY96" fmla="*/ 824395 h 4739174"/>
              <a:gd name="connsiteX97" fmla="*/ 10828910 w 12192001"/>
              <a:gd name="connsiteY97" fmla="*/ 775417 h 4739174"/>
              <a:gd name="connsiteX98" fmla="*/ 10900204 w 12192001"/>
              <a:gd name="connsiteY98" fmla="*/ 775417 h 4739174"/>
              <a:gd name="connsiteX99" fmla="*/ 10900204 w 12192001"/>
              <a:gd name="connsiteY99" fmla="*/ 773388 h 4739174"/>
              <a:gd name="connsiteX100" fmla="*/ 10900494 w 12192001"/>
              <a:gd name="connsiteY100" fmla="*/ 773388 h 4739174"/>
              <a:gd name="connsiteX101" fmla="*/ 10852095 w 12192001"/>
              <a:gd name="connsiteY101" fmla="*/ 729336 h 4739174"/>
              <a:gd name="connsiteX102" fmla="*/ 10416214 w 12192001"/>
              <a:gd name="connsiteY102" fmla="*/ 729047 h 4739174"/>
              <a:gd name="connsiteX103" fmla="*/ 10372453 w 12192001"/>
              <a:gd name="connsiteY103" fmla="*/ 760636 h 4739174"/>
              <a:gd name="connsiteX104" fmla="*/ 10404622 w 12192001"/>
              <a:gd name="connsiteY104" fmla="*/ 793965 h 4739174"/>
              <a:gd name="connsiteX105" fmla="*/ 10427228 w 12192001"/>
              <a:gd name="connsiteY105" fmla="*/ 813672 h 4739174"/>
              <a:gd name="connsiteX106" fmla="*/ 10407810 w 12192001"/>
              <a:gd name="connsiteY106" fmla="*/ 826424 h 4739174"/>
              <a:gd name="connsiteX107" fmla="*/ 10375931 w 12192001"/>
              <a:gd name="connsiteY107" fmla="*/ 815411 h 4739174"/>
              <a:gd name="connsiteX108" fmla="*/ 10372743 w 12192001"/>
              <a:gd name="connsiteY108" fmla="*/ 813382 h 4739174"/>
              <a:gd name="connsiteX109" fmla="*/ 10372743 w 12192001"/>
              <a:gd name="connsiteY109" fmla="*/ 835988 h 4739174"/>
              <a:gd name="connsiteX110" fmla="*/ 10374771 w 12192001"/>
              <a:gd name="connsiteY110" fmla="*/ 836567 h 4739174"/>
              <a:gd name="connsiteX111" fmla="*/ 10406651 w 12192001"/>
              <a:gd name="connsiteY111" fmla="*/ 840335 h 4739174"/>
              <a:gd name="connsiteX112" fmla="*/ 10453890 w 12192001"/>
              <a:gd name="connsiteY112" fmla="*/ 807876 h 4739174"/>
              <a:gd name="connsiteX113" fmla="*/ 10420272 w 12192001"/>
              <a:gd name="connsiteY113" fmla="*/ 771649 h 4739174"/>
              <a:gd name="connsiteX114" fmla="*/ 10398826 w 12192001"/>
              <a:gd name="connsiteY114" fmla="*/ 753101 h 4739174"/>
              <a:gd name="connsiteX115" fmla="*/ 10414186 w 12192001"/>
              <a:gd name="connsiteY115" fmla="*/ 743248 h 4739174"/>
              <a:gd name="connsiteX116" fmla="*/ 10441428 w 12192001"/>
              <a:gd name="connsiteY116" fmla="*/ 752521 h 4739174"/>
              <a:gd name="connsiteX117" fmla="*/ 10446065 w 12192001"/>
              <a:gd name="connsiteY117" fmla="*/ 755419 h 4739174"/>
              <a:gd name="connsiteX118" fmla="*/ 10446065 w 12192001"/>
              <a:gd name="connsiteY118" fmla="*/ 751652 h 4739174"/>
              <a:gd name="connsiteX119" fmla="*/ 10446065 w 12192001"/>
              <a:gd name="connsiteY119" fmla="*/ 733394 h 4739174"/>
              <a:gd name="connsiteX120" fmla="*/ 10442587 w 12192001"/>
              <a:gd name="connsiteY120" fmla="*/ 732524 h 4739174"/>
              <a:gd name="connsiteX121" fmla="*/ 10416214 w 12192001"/>
              <a:gd name="connsiteY121" fmla="*/ 729047 h 4739174"/>
              <a:gd name="connsiteX122" fmla="*/ 10663137 w 12192001"/>
              <a:gd name="connsiteY122" fmla="*/ 729046 h 4739174"/>
              <a:gd name="connsiteX123" fmla="*/ 10660818 w 12192001"/>
              <a:gd name="connsiteY123" fmla="*/ 729336 h 4739174"/>
              <a:gd name="connsiteX124" fmla="*/ 10614448 w 12192001"/>
              <a:gd name="connsiteY124" fmla="*/ 736872 h 4739174"/>
              <a:gd name="connsiteX125" fmla="*/ 10614448 w 12192001"/>
              <a:gd name="connsiteY125" fmla="*/ 744986 h 4739174"/>
              <a:gd name="connsiteX126" fmla="*/ 10616477 w 12192001"/>
              <a:gd name="connsiteY126" fmla="*/ 744986 h 4739174"/>
              <a:gd name="connsiteX127" fmla="*/ 10633866 w 12192001"/>
              <a:gd name="connsiteY127" fmla="*/ 762375 h 4739174"/>
              <a:gd name="connsiteX128" fmla="*/ 10633866 w 12192001"/>
              <a:gd name="connsiteY128" fmla="*/ 838017 h 4739174"/>
              <a:gd name="connsiteX129" fmla="*/ 10663137 w 12192001"/>
              <a:gd name="connsiteY129" fmla="*/ 838017 h 4739174"/>
              <a:gd name="connsiteX130" fmla="*/ 10739648 w 12192001"/>
              <a:gd name="connsiteY130" fmla="*/ 728756 h 4739174"/>
              <a:gd name="connsiteX131" fmla="*/ 10737329 w 12192001"/>
              <a:gd name="connsiteY131" fmla="*/ 729046 h 4739174"/>
              <a:gd name="connsiteX132" fmla="*/ 10690669 w 12192001"/>
              <a:gd name="connsiteY132" fmla="*/ 736292 h 4739174"/>
              <a:gd name="connsiteX133" fmla="*/ 10690669 w 12192001"/>
              <a:gd name="connsiteY133" fmla="*/ 744406 h 4739174"/>
              <a:gd name="connsiteX134" fmla="*/ 10692698 w 12192001"/>
              <a:gd name="connsiteY134" fmla="*/ 744406 h 4739174"/>
              <a:gd name="connsiteX135" fmla="*/ 10710376 w 12192001"/>
              <a:gd name="connsiteY135" fmla="*/ 761795 h 4739174"/>
              <a:gd name="connsiteX136" fmla="*/ 10710376 w 12192001"/>
              <a:gd name="connsiteY136" fmla="*/ 837437 h 4739174"/>
              <a:gd name="connsiteX137" fmla="*/ 10739648 w 12192001"/>
              <a:gd name="connsiteY137" fmla="*/ 837437 h 4739174"/>
              <a:gd name="connsiteX138" fmla="*/ 10739648 w 12192001"/>
              <a:gd name="connsiteY138" fmla="*/ 782951 h 4739174"/>
              <a:gd name="connsiteX139" fmla="*/ 10770078 w 12192001"/>
              <a:gd name="connsiteY139" fmla="*/ 752231 h 4739174"/>
              <a:gd name="connsiteX140" fmla="*/ 10780221 w 12192001"/>
              <a:gd name="connsiteY140" fmla="*/ 754260 h 4739174"/>
              <a:gd name="connsiteX141" fmla="*/ 10784858 w 12192001"/>
              <a:gd name="connsiteY141" fmla="*/ 755709 h 4739174"/>
              <a:gd name="connsiteX142" fmla="*/ 10785148 w 12192001"/>
              <a:gd name="connsiteY142" fmla="*/ 753391 h 4739174"/>
              <a:gd name="connsiteX143" fmla="*/ 10785148 w 12192001"/>
              <a:gd name="connsiteY143" fmla="*/ 730785 h 4739174"/>
              <a:gd name="connsiteX144" fmla="*/ 10783409 w 12192001"/>
              <a:gd name="connsiteY144" fmla="*/ 730495 h 4739174"/>
              <a:gd name="connsiteX145" fmla="*/ 10769498 w 12192001"/>
              <a:gd name="connsiteY145" fmla="*/ 729336 h 4739174"/>
              <a:gd name="connsiteX146" fmla="*/ 10739648 w 12192001"/>
              <a:gd name="connsiteY146" fmla="*/ 750782 h 4739174"/>
              <a:gd name="connsiteX147" fmla="*/ 10739648 w 12192001"/>
              <a:gd name="connsiteY147" fmla="*/ 728756 h 4739174"/>
              <a:gd name="connsiteX148" fmla="*/ 11869919 w 12192001"/>
              <a:gd name="connsiteY148" fmla="*/ 699195 h 4739174"/>
              <a:gd name="connsiteX149" fmla="*/ 11869919 w 12192001"/>
              <a:gd name="connsiteY149" fmla="*/ 703619 h 4739174"/>
              <a:gd name="connsiteX150" fmla="*/ 11869919 w 12192001"/>
              <a:gd name="connsiteY150" fmla="*/ 731944 h 4739174"/>
              <a:gd name="connsiteX151" fmla="*/ 11850502 w 12192001"/>
              <a:gd name="connsiteY151" fmla="*/ 731944 h 4739174"/>
              <a:gd name="connsiteX152" fmla="*/ 11850502 w 12192001"/>
              <a:gd name="connsiteY152" fmla="*/ 744986 h 4739174"/>
              <a:gd name="connsiteX153" fmla="*/ 11869919 w 12192001"/>
              <a:gd name="connsiteY153" fmla="*/ 744986 h 4739174"/>
              <a:gd name="connsiteX154" fmla="*/ 11869919 w 12192001"/>
              <a:gd name="connsiteY154" fmla="*/ 810194 h 4739174"/>
              <a:gd name="connsiteX155" fmla="*/ 11909914 w 12192001"/>
              <a:gd name="connsiteY155" fmla="*/ 840625 h 4739174"/>
              <a:gd name="connsiteX156" fmla="*/ 11927013 w 12192001"/>
              <a:gd name="connsiteY156" fmla="*/ 838886 h 4739174"/>
              <a:gd name="connsiteX157" fmla="*/ 11928752 w 12192001"/>
              <a:gd name="connsiteY157" fmla="*/ 838596 h 4739174"/>
              <a:gd name="connsiteX158" fmla="*/ 11928752 w 12192001"/>
              <a:gd name="connsiteY158" fmla="*/ 825554 h 4739174"/>
              <a:gd name="connsiteX159" fmla="*/ 11926143 w 12192001"/>
              <a:gd name="connsiteY159" fmla="*/ 826134 h 4739174"/>
              <a:gd name="connsiteX160" fmla="*/ 11917449 w 12192001"/>
              <a:gd name="connsiteY160" fmla="*/ 827003 h 4739174"/>
              <a:gd name="connsiteX161" fmla="*/ 11898901 w 12192001"/>
              <a:gd name="connsiteY161" fmla="*/ 807006 h 4739174"/>
              <a:gd name="connsiteX162" fmla="*/ 11898901 w 12192001"/>
              <a:gd name="connsiteY162" fmla="*/ 745275 h 4739174"/>
              <a:gd name="connsiteX163" fmla="*/ 11931650 w 12192001"/>
              <a:gd name="connsiteY163" fmla="*/ 745275 h 4739174"/>
              <a:gd name="connsiteX164" fmla="*/ 11931650 w 12192001"/>
              <a:gd name="connsiteY164" fmla="*/ 732234 h 4739174"/>
              <a:gd name="connsiteX165" fmla="*/ 11898901 w 12192001"/>
              <a:gd name="connsiteY165" fmla="*/ 732234 h 4739174"/>
              <a:gd name="connsiteX166" fmla="*/ 11898901 w 12192001"/>
              <a:gd name="connsiteY166" fmla="*/ 699195 h 4739174"/>
              <a:gd name="connsiteX167" fmla="*/ 11002797 w 12192001"/>
              <a:gd name="connsiteY167" fmla="*/ 699195 h 4739174"/>
              <a:gd name="connsiteX168" fmla="*/ 11002797 w 12192001"/>
              <a:gd name="connsiteY168" fmla="*/ 703619 h 4739174"/>
              <a:gd name="connsiteX169" fmla="*/ 11002797 w 12192001"/>
              <a:gd name="connsiteY169" fmla="*/ 731944 h 4739174"/>
              <a:gd name="connsiteX170" fmla="*/ 10983380 w 12192001"/>
              <a:gd name="connsiteY170" fmla="*/ 731944 h 4739174"/>
              <a:gd name="connsiteX171" fmla="*/ 10983380 w 12192001"/>
              <a:gd name="connsiteY171" fmla="*/ 744986 h 4739174"/>
              <a:gd name="connsiteX172" fmla="*/ 11002797 w 12192001"/>
              <a:gd name="connsiteY172" fmla="*/ 744986 h 4739174"/>
              <a:gd name="connsiteX173" fmla="*/ 11002797 w 12192001"/>
              <a:gd name="connsiteY173" fmla="*/ 810194 h 4739174"/>
              <a:gd name="connsiteX174" fmla="*/ 11042792 w 12192001"/>
              <a:gd name="connsiteY174" fmla="*/ 840625 h 4739174"/>
              <a:gd name="connsiteX175" fmla="*/ 11059891 w 12192001"/>
              <a:gd name="connsiteY175" fmla="*/ 838886 h 4739174"/>
              <a:gd name="connsiteX176" fmla="*/ 11061630 w 12192001"/>
              <a:gd name="connsiteY176" fmla="*/ 838596 h 4739174"/>
              <a:gd name="connsiteX177" fmla="*/ 11061630 w 12192001"/>
              <a:gd name="connsiteY177" fmla="*/ 825554 h 4739174"/>
              <a:gd name="connsiteX178" fmla="*/ 11059021 w 12192001"/>
              <a:gd name="connsiteY178" fmla="*/ 826134 h 4739174"/>
              <a:gd name="connsiteX179" fmla="*/ 11050327 w 12192001"/>
              <a:gd name="connsiteY179" fmla="*/ 827003 h 4739174"/>
              <a:gd name="connsiteX180" fmla="*/ 11031779 w 12192001"/>
              <a:gd name="connsiteY180" fmla="*/ 807006 h 4739174"/>
              <a:gd name="connsiteX181" fmla="*/ 11031779 w 12192001"/>
              <a:gd name="connsiteY181" fmla="*/ 745275 h 4739174"/>
              <a:gd name="connsiteX182" fmla="*/ 11064528 w 12192001"/>
              <a:gd name="connsiteY182" fmla="*/ 745275 h 4739174"/>
              <a:gd name="connsiteX183" fmla="*/ 11064528 w 12192001"/>
              <a:gd name="connsiteY183" fmla="*/ 732234 h 4739174"/>
              <a:gd name="connsiteX184" fmla="*/ 11031779 w 12192001"/>
              <a:gd name="connsiteY184" fmla="*/ 732234 h 4739174"/>
              <a:gd name="connsiteX185" fmla="*/ 11031779 w 12192001"/>
              <a:gd name="connsiteY185" fmla="*/ 699195 h 4739174"/>
              <a:gd name="connsiteX186" fmla="*/ 11403900 w 12192001"/>
              <a:gd name="connsiteY186" fmla="*/ 686154 h 4739174"/>
              <a:gd name="connsiteX187" fmla="*/ 11403900 w 12192001"/>
              <a:gd name="connsiteY187" fmla="*/ 694849 h 4739174"/>
              <a:gd name="connsiteX188" fmla="*/ 11409696 w 12192001"/>
              <a:gd name="connsiteY188" fmla="*/ 695718 h 4739174"/>
              <a:gd name="connsiteX189" fmla="*/ 11428824 w 12192001"/>
              <a:gd name="connsiteY189" fmla="*/ 716295 h 4739174"/>
              <a:gd name="connsiteX190" fmla="*/ 11428824 w 12192001"/>
              <a:gd name="connsiteY190" fmla="*/ 838017 h 4739174"/>
              <a:gd name="connsiteX191" fmla="*/ 11460124 w 12192001"/>
              <a:gd name="connsiteY191" fmla="*/ 838017 h 4739174"/>
              <a:gd name="connsiteX192" fmla="*/ 11460124 w 12192001"/>
              <a:gd name="connsiteY192" fmla="*/ 717164 h 4739174"/>
              <a:gd name="connsiteX193" fmla="*/ 11540112 w 12192001"/>
              <a:gd name="connsiteY193" fmla="*/ 838017 h 4739174"/>
              <a:gd name="connsiteX194" fmla="*/ 11578657 w 12192001"/>
              <a:gd name="connsiteY194" fmla="*/ 838017 h 4739174"/>
              <a:gd name="connsiteX195" fmla="*/ 11578657 w 12192001"/>
              <a:gd name="connsiteY195" fmla="*/ 686154 h 4739174"/>
              <a:gd name="connsiteX196" fmla="*/ 11576628 w 12192001"/>
              <a:gd name="connsiteY196" fmla="*/ 686154 h 4739174"/>
              <a:gd name="connsiteX197" fmla="*/ 11547358 w 12192001"/>
              <a:gd name="connsiteY197" fmla="*/ 686154 h 4739174"/>
              <a:gd name="connsiteX198" fmla="*/ 11547358 w 12192001"/>
              <a:gd name="connsiteY198" fmla="*/ 801500 h 4739174"/>
              <a:gd name="connsiteX199" fmla="*/ 11471137 w 12192001"/>
              <a:gd name="connsiteY199" fmla="*/ 686154 h 4739174"/>
              <a:gd name="connsiteX200" fmla="*/ 10648935 w 12192001"/>
              <a:gd name="connsiteY200" fmla="*/ 684705 h 4739174"/>
              <a:gd name="connsiteX201" fmla="*/ 10631257 w 12192001"/>
              <a:gd name="connsiteY201" fmla="*/ 700355 h 4739174"/>
              <a:gd name="connsiteX202" fmla="*/ 10648646 w 12192001"/>
              <a:gd name="connsiteY202" fmla="*/ 716294 h 4739174"/>
              <a:gd name="connsiteX203" fmla="*/ 10666904 w 12192001"/>
              <a:gd name="connsiteY203" fmla="*/ 700355 h 4739174"/>
              <a:gd name="connsiteX204" fmla="*/ 10648935 w 12192001"/>
              <a:gd name="connsiteY204" fmla="*/ 684705 h 4739174"/>
              <a:gd name="connsiteX205" fmla="*/ 10186104 w 12192001"/>
              <a:gd name="connsiteY205" fmla="*/ 683546 h 4739174"/>
              <a:gd name="connsiteX206" fmla="*/ 10184075 w 12192001"/>
              <a:gd name="connsiteY206" fmla="*/ 683835 h 4739174"/>
              <a:gd name="connsiteX207" fmla="*/ 10126402 w 12192001"/>
              <a:gd name="connsiteY207" fmla="*/ 689052 h 4739174"/>
              <a:gd name="connsiteX208" fmla="*/ 10126402 w 12192001"/>
              <a:gd name="connsiteY208" fmla="*/ 697457 h 4739174"/>
              <a:gd name="connsiteX209" fmla="*/ 10128141 w 12192001"/>
              <a:gd name="connsiteY209" fmla="*/ 697747 h 4739174"/>
              <a:gd name="connsiteX210" fmla="*/ 10151326 w 12192001"/>
              <a:gd name="connsiteY210" fmla="*/ 717164 h 4739174"/>
              <a:gd name="connsiteX211" fmla="*/ 10151326 w 12192001"/>
              <a:gd name="connsiteY211" fmla="*/ 838016 h 4739174"/>
              <a:gd name="connsiteX212" fmla="*/ 10186104 w 12192001"/>
              <a:gd name="connsiteY212" fmla="*/ 838016 h 4739174"/>
              <a:gd name="connsiteX213" fmla="*/ 11126259 w 12192001"/>
              <a:gd name="connsiteY213" fmla="*/ 680067 h 4739174"/>
              <a:gd name="connsiteX214" fmla="*/ 11123940 w 12192001"/>
              <a:gd name="connsiteY214" fmla="*/ 680357 h 4739174"/>
              <a:gd name="connsiteX215" fmla="*/ 11077570 w 12192001"/>
              <a:gd name="connsiteY215" fmla="*/ 686154 h 4739174"/>
              <a:gd name="connsiteX216" fmla="*/ 11077570 w 12192001"/>
              <a:gd name="connsiteY216" fmla="*/ 694268 h 4739174"/>
              <a:gd name="connsiteX217" fmla="*/ 11079599 w 12192001"/>
              <a:gd name="connsiteY217" fmla="*/ 694268 h 4739174"/>
              <a:gd name="connsiteX218" fmla="*/ 11096987 w 12192001"/>
              <a:gd name="connsiteY218" fmla="*/ 712237 h 4739174"/>
              <a:gd name="connsiteX219" fmla="*/ 11096987 w 12192001"/>
              <a:gd name="connsiteY219" fmla="*/ 838016 h 4739174"/>
              <a:gd name="connsiteX220" fmla="*/ 11126259 w 12192001"/>
              <a:gd name="connsiteY220" fmla="*/ 838016 h 4739174"/>
              <a:gd name="connsiteX221" fmla="*/ 11126259 w 12192001"/>
              <a:gd name="connsiteY221" fmla="*/ 783820 h 4739174"/>
              <a:gd name="connsiteX222" fmla="*/ 11153791 w 12192001"/>
              <a:gd name="connsiteY222" fmla="*/ 748463 h 4739174"/>
              <a:gd name="connsiteX223" fmla="*/ 11170021 w 12192001"/>
              <a:gd name="connsiteY223" fmla="*/ 771359 h 4739174"/>
              <a:gd name="connsiteX224" fmla="*/ 11170021 w 12192001"/>
              <a:gd name="connsiteY224" fmla="*/ 838016 h 4739174"/>
              <a:gd name="connsiteX225" fmla="*/ 11199292 w 12192001"/>
              <a:gd name="connsiteY225" fmla="*/ 838016 h 4739174"/>
              <a:gd name="connsiteX226" fmla="*/ 11199292 w 12192001"/>
              <a:gd name="connsiteY226" fmla="*/ 768171 h 4739174"/>
              <a:gd name="connsiteX227" fmla="*/ 11166253 w 12192001"/>
              <a:gd name="connsiteY227" fmla="*/ 729626 h 4739174"/>
              <a:gd name="connsiteX228" fmla="*/ 11126259 w 12192001"/>
              <a:gd name="connsiteY228" fmla="*/ 752811 h 4739174"/>
              <a:gd name="connsiteX229" fmla="*/ 11126259 w 12192001"/>
              <a:gd name="connsiteY229" fmla="*/ 680067 h 4739174"/>
              <a:gd name="connsiteX230" fmla="*/ 11876006 w 12192001"/>
              <a:gd name="connsiteY230" fmla="*/ 655723 h 4739174"/>
              <a:gd name="connsiteX231" fmla="*/ 11838910 w 12192001"/>
              <a:gd name="connsiteY231" fmla="*/ 698905 h 4739174"/>
              <a:gd name="connsiteX232" fmla="*/ 11869630 w 12192001"/>
              <a:gd name="connsiteY232" fmla="*/ 698905 h 4739174"/>
              <a:gd name="connsiteX233" fmla="*/ 11907016 w 12192001"/>
              <a:gd name="connsiteY233" fmla="*/ 655723 h 4739174"/>
              <a:gd name="connsiteX234" fmla="*/ 11001639 w 12192001"/>
              <a:gd name="connsiteY234" fmla="*/ 412570 h 4739174"/>
              <a:gd name="connsiteX235" fmla="*/ 11046849 w 12192001"/>
              <a:gd name="connsiteY235" fmla="*/ 523569 h 4739174"/>
              <a:gd name="connsiteX236" fmla="*/ 10956717 w 12192001"/>
              <a:gd name="connsiteY236" fmla="*/ 523569 h 4739174"/>
              <a:gd name="connsiteX237" fmla="*/ 11765007 w 12192001"/>
              <a:gd name="connsiteY237" fmla="*/ 371127 h 4739174"/>
              <a:gd name="connsiteX238" fmla="*/ 11765007 w 12192001"/>
              <a:gd name="connsiteY238" fmla="*/ 615440 h 4739174"/>
              <a:gd name="connsiteX239" fmla="*/ 11829635 w 12192001"/>
              <a:gd name="connsiteY239" fmla="*/ 615440 h 4739174"/>
              <a:gd name="connsiteX240" fmla="*/ 11829635 w 12192001"/>
              <a:gd name="connsiteY240" fmla="*/ 371127 h 4739174"/>
              <a:gd name="connsiteX241" fmla="*/ 11453748 w 12192001"/>
              <a:gd name="connsiteY241" fmla="*/ 371127 h 4739174"/>
              <a:gd name="connsiteX242" fmla="*/ 11453748 w 12192001"/>
              <a:gd name="connsiteY242" fmla="*/ 615440 h 4739174"/>
              <a:gd name="connsiteX243" fmla="*/ 11518376 w 12192001"/>
              <a:gd name="connsiteY243" fmla="*/ 615440 h 4739174"/>
              <a:gd name="connsiteX244" fmla="*/ 11518376 w 12192001"/>
              <a:gd name="connsiteY244" fmla="*/ 507919 h 4739174"/>
              <a:gd name="connsiteX245" fmla="*/ 11649082 w 12192001"/>
              <a:gd name="connsiteY245" fmla="*/ 507919 h 4739174"/>
              <a:gd name="connsiteX246" fmla="*/ 11649082 w 12192001"/>
              <a:gd name="connsiteY246" fmla="*/ 615440 h 4739174"/>
              <a:gd name="connsiteX247" fmla="*/ 11713711 w 12192001"/>
              <a:gd name="connsiteY247" fmla="*/ 615440 h 4739174"/>
              <a:gd name="connsiteX248" fmla="*/ 11713711 w 12192001"/>
              <a:gd name="connsiteY248" fmla="*/ 371127 h 4739174"/>
              <a:gd name="connsiteX249" fmla="*/ 11649082 w 12192001"/>
              <a:gd name="connsiteY249" fmla="*/ 371127 h 4739174"/>
              <a:gd name="connsiteX250" fmla="*/ 11649082 w 12192001"/>
              <a:gd name="connsiteY250" fmla="*/ 468794 h 4739174"/>
              <a:gd name="connsiteX251" fmla="*/ 11518376 w 12192001"/>
              <a:gd name="connsiteY251" fmla="*/ 468794 h 4739174"/>
              <a:gd name="connsiteX252" fmla="*/ 11518376 w 12192001"/>
              <a:gd name="connsiteY252" fmla="*/ 371127 h 4739174"/>
              <a:gd name="connsiteX253" fmla="*/ 10961644 w 12192001"/>
              <a:gd name="connsiteY253" fmla="*/ 371127 h 4739174"/>
              <a:gd name="connsiteX254" fmla="*/ 10847458 w 12192001"/>
              <a:gd name="connsiteY254" fmla="*/ 615440 h 4739174"/>
              <a:gd name="connsiteX255" fmla="*/ 10919622 w 12192001"/>
              <a:gd name="connsiteY255" fmla="*/ 615440 h 4739174"/>
              <a:gd name="connsiteX256" fmla="*/ 10940778 w 12192001"/>
              <a:gd name="connsiteY256" fmla="*/ 562983 h 4739174"/>
              <a:gd name="connsiteX257" fmla="*/ 11062209 w 12192001"/>
              <a:gd name="connsiteY257" fmla="*/ 562983 h 4739174"/>
              <a:gd name="connsiteX258" fmla="*/ 11083366 w 12192001"/>
              <a:gd name="connsiteY258" fmla="*/ 615440 h 4739174"/>
              <a:gd name="connsiteX259" fmla="*/ 11155529 w 12192001"/>
              <a:gd name="connsiteY259" fmla="*/ 615440 h 4739174"/>
              <a:gd name="connsiteX260" fmla="*/ 11041053 w 12192001"/>
              <a:gd name="connsiteY260" fmla="*/ 371127 h 4739174"/>
              <a:gd name="connsiteX261" fmla="*/ 10961644 w 12192001"/>
              <a:gd name="connsiteY261" fmla="*/ 371127 h 4739174"/>
              <a:gd name="connsiteX262" fmla="*/ 10641690 w 12192001"/>
              <a:gd name="connsiteY262" fmla="*/ 371127 h 4739174"/>
              <a:gd name="connsiteX263" fmla="*/ 10641690 w 12192001"/>
              <a:gd name="connsiteY263" fmla="*/ 412570 h 4739174"/>
              <a:gd name="connsiteX264" fmla="*/ 10740516 w 12192001"/>
              <a:gd name="connsiteY264" fmla="*/ 412570 h 4739174"/>
              <a:gd name="connsiteX265" fmla="*/ 10740516 w 12192001"/>
              <a:gd name="connsiteY265" fmla="*/ 615440 h 4739174"/>
              <a:gd name="connsiteX266" fmla="*/ 10805145 w 12192001"/>
              <a:gd name="connsiteY266" fmla="*/ 615440 h 4739174"/>
              <a:gd name="connsiteX267" fmla="*/ 10805145 w 12192001"/>
              <a:gd name="connsiteY267" fmla="*/ 412570 h 4739174"/>
              <a:gd name="connsiteX268" fmla="*/ 10903971 w 12192001"/>
              <a:gd name="connsiteY268" fmla="*/ 412570 h 4739174"/>
              <a:gd name="connsiteX269" fmla="*/ 10903971 w 12192001"/>
              <a:gd name="connsiteY269" fmla="*/ 371127 h 4739174"/>
              <a:gd name="connsiteX270" fmla="*/ 10641690 w 12192001"/>
              <a:gd name="connsiteY270" fmla="*/ 371127 h 4739174"/>
              <a:gd name="connsiteX271" fmla="*/ 10553587 w 12192001"/>
              <a:gd name="connsiteY271" fmla="*/ 371127 h 4739174"/>
              <a:gd name="connsiteX272" fmla="*/ 10553587 w 12192001"/>
              <a:gd name="connsiteY272" fmla="*/ 615440 h 4739174"/>
              <a:gd name="connsiteX273" fmla="*/ 10618215 w 12192001"/>
              <a:gd name="connsiteY273" fmla="*/ 615440 h 4739174"/>
              <a:gd name="connsiteX274" fmla="*/ 10618215 w 12192001"/>
              <a:gd name="connsiteY274" fmla="*/ 371127 h 4739174"/>
              <a:gd name="connsiteX275" fmla="*/ 10242037 w 12192001"/>
              <a:gd name="connsiteY275" fmla="*/ 371127 h 4739174"/>
              <a:gd name="connsiteX276" fmla="*/ 10242037 w 12192001"/>
              <a:gd name="connsiteY276" fmla="*/ 615440 h 4739174"/>
              <a:gd name="connsiteX277" fmla="*/ 10306665 w 12192001"/>
              <a:gd name="connsiteY277" fmla="*/ 615440 h 4739174"/>
              <a:gd name="connsiteX278" fmla="*/ 10306665 w 12192001"/>
              <a:gd name="connsiteY278" fmla="*/ 507919 h 4739174"/>
              <a:gd name="connsiteX279" fmla="*/ 10437371 w 12192001"/>
              <a:gd name="connsiteY279" fmla="*/ 507919 h 4739174"/>
              <a:gd name="connsiteX280" fmla="*/ 10437371 w 12192001"/>
              <a:gd name="connsiteY280" fmla="*/ 615440 h 4739174"/>
              <a:gd name="connsiteX281" fmla="*/ 10502000 w 12192001"/>
              <a:gd name="connsiteY281" fmla="*/ 615440 h 4739174"/>
              <a:gd name="connsiteX282" fmla="*/ 10502000 w 12192001"/>
              <a:gd name="connsiteY282" fmla="*/ 371127 h 4739174"/>
              <a:gd name="connsiteX283" fmla="*/ 10437371 w 12192001"/>
              <a:gd name="connsiteY283" fmla="*/ 371127 h 4739174"/>
              <a:gd name="connsiteX284" fmla="*/ 10437371 w 12192001"/>
              <a:gd name="connsiteY284" fmla="*/ 468794 h 4739174"/>
              <a:gd name="connsiteX285" fmla="*/ 10306665 w 12192001"/>
              <a:gd name="connsiteY285" fmla="*/ 468794 h 4739174"/>
              <a:gd name="connsiteX286" fmla="*/ 10306665 w 12192001"/>
              <a:gd name="connsiteY286" fmla="*/ 371127 h 4739174"/>
              <a:gd name="connsiteX287" fmla="*/ 11288555 w 12192001"/>
              <a:gd name="connsiteY287" fmla="*/ 365041 h 4739174"/>
              <a:gd name="connsiteX288" fmla="*/ 11216970 w 12192001"/>
              <a:gd name="connsiteY288" fmla="*/ 377792 h 4739174"/>
              <a:gd name="connsiteX289" fmla="*/ 11161326 w 12192001"/>
              <a:gd name="connsiteY289" fmla="*/ 424452 h 4739174"/>
              <a:gd name="connsiteX290" fmla="*/ 11144517 w 12192001"/>
              <a:gd name="connsiteY290" fmla="*/ 495457 h 4739174"/>
              <a:gd name="connsiteX291" fmla="*/ 11153211 w 12192001"/>
              <a:gd name="connsiteY291" fmla="*/ 547623 h 4739174"/>
              <a:gd name="connsiteX292" fmla="*/ 11222477 w 12192001"/>
              <a:gd name="connsiteY292" fmla="*/ 610802 h 4739174"/>
              <a:gd name="connsiteX293" fmla="*/ 11288265 w 12192001"/>
              <a:gd name="connsiteY293" fmla="*/ 620946 h 4739174"/>
              <a:gd name="connsiteX294" fmla="*/ 11371441 w 12192001"/>
              <a:gd name="connsiteY294" fmla="*/ 603847 h 4739174"/>
              <a:gd name="connsiteX295" fmla="*/ 11416652 w 12192001"/>
              <a:gd name="connsiteY295" fmla="*/ 549941 h 4739174"/>
              <a:gd name="connsiteX296" fmla="*/ 11419840 w 12192001"/>
              <a:gd name="connsiteY296" fmla="*/ 526756 h 4739174"/>
              <a:gd name="connsiteX297" fmla="*/ 11351734 w 12192001"/>
              <a:gd name="connsiteY297" fmla="*/ 526756 h 4739174"/>
              <a:gd name="connsiteX298" fmla="*/ 11346517 w 12192001"/>
              <a:gd name="connsiteY298" fmla="*/ 552840 h 4739174"/>
              <a:gd name="connsiteX299" fmla="*/ 11318116 w 12192001"/>
              <a:gd name="connsiteY299" fmla="*/ 578343 h 4739174"/>
              <a:gd name="connsiteX300" fmla="*/ 11288265 w 12192001"/>
              <a:gd name="connsiteY300" fmla="*/ 582980 h 4739174"/>
              <a:gd name="connsiteX301" fmla="*/ 11253487 w 12192001"/>
              <a:gd name="connsiteY301" fmla="*/ 576604 h 4739174"/>
              <a:gd name="connsiteX302" fmla="*/ 11218130 w 12192001"/>
              <a:gd name="connsiteY302" fmla="*/ 538059 h 4739174"/>
              <a:gd name="connsiteX303" fmla="*/ 11212044 w 12192001"/>
              <a:gd name="connsiteY303" fmla="*/ 495167 h 4739174"/>
              <a:gd name="connsiteX304" fmla="*/ 11221028 w 12192001"/>
              <a:gd name="connsiteY304" fmla="*/ 443870 h 4739174"/>
              <a:gd name="connsiteX305" fmla="*/ 11256385 w 12192001"/>
              <a:gd name="connsiteY305" fmla="*/ 407933 h 4739174"/>
              <a:gd name="connsiteX306" fmla="*/ 11288555 w 12192001"/>
              <a:gd name="connsiteY306" fmla="*/ 402427 h 4739174"/>
              <a:gd name="connsiteX307" fmla="*/ 11316956 w 12192001"/>
              <a:gd name="connsiteY307" fmla="*/ 406774 h 4739174"/>
              <a:gd name="connsiteX308" fmla="*/ 11347387 w 12192001"/>
              <a:gd name="connsiteY308" fmla="*/ 435175 h 4739174"/>
              <a:gd name="connsiteX309" fmla="*/ 11350864 w 12192001"/>
              <a:gd name="connsiteY309" fmla="*/ 454014 h 4739174"/>
              <a:gd name="connsiteX310" fmla="*/ 11418681 w 12192001"/>
              <a:gd name="connsiteY310" fmla="*/ 454014 h 4739174"/>
              <a:gd name="connsiteX311" fmla="*/ 11416362 w 12192001"/>
              <a:gd name="connsiteY311" fmla="*/ 438653 h 4739174"/>
              <a:gd name="connsiteX312" fmla="*/ 11370282 w 12192001"/>
              <a:gd name="connsiteY312" fmla="*/ 382140 h 4739174"/>
              <a:gd name="connsiteX313" fmla="*/ 11288555 w 12192001"/>
              <a:gd name="connsiteY313" fmla="*/ 365041 h 4739174"/>
              <a:gd name="connsiteX314" fmla="*/ 8 w 12192001"/>
              <a:gd name="connsiteY314" fmla="*/ 0 h 4739174"/>
              <a:gd name="connsiteX315" fmla="*/ 12192001 w 12192001"/>
              <a:gd name="connsiteY315" fmla="*/ 0 h 4739174"/>
              <a:gd name="connsiteX316" fmla="*/ 12192001 w 12192001"/>
              <a:gd name="connsiteY316" fmla="*/ 2703598 h 4739174"/>
              <a:gd name="connsiteX317" fmla="*/ 12192000 w 12192001"/>
              <a:gd name="connsiteY317" fmla="*/ 2703598 h 4739174"/>
              <a:gd name="connsiteX318" fmla="*/ 12192000 w 12192001"/>
              <a:gd name="connsiteY318" fmla="*/ 4739174 h 4739174"/>
              <a:gd name="connsiteX319" fmla="*/ 0 w 12192001"/>
              <a:gd name="connsiteY319" fmla="*/ 4739174 h 4739174"/>
              <a:gd name="connsiteX320" fmla="*/ 0 w 12192001"/>
              <a:gd name="connsiteY320" fmla="*/ 2451098 h 4739174"/>
              <a:gd name="connsiteX321" fmla="*/ 8 w 12192001"/>
              <a:gd name="connsiteY321" fmla="*/ 2451098 h 47391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Lst>
            <a:rect l="l" t="t" r="r" b="b"/>
            <a:pathLst>
              <a:path w="12192001" h="4739174">
                <a:moveTo>
                  <a:pt x="10540255" y="745566"/>
                </a:moveTo>
                <a:cubicBezTo>
                  <a:pt x="10560252" y="745566"/>
                  <a:pt x="10562571" y="767302"/>
                  <a:pt x="10562571" y="783531"/>
                </a:cubicBezTo>
                <a:cubicBezTo>
                  <a:pt x="10562571" y="811354"/>
                  <a:pt x="10555325" y="824685"/>
                  <a:pt x="10540545" y="824685"/>
                </a:cubicBezTo>
                <a:cubicBezTo>
                  <a:pt x="10521707" y="824685"/>
                  <a:pt x="10517650" y="807007"/>
                  <a:pt x="10517650" y="792226"/>
                </a:cubicBezTo>
                <a:lnTo>
                  <a:pt x="10517650" y="783242"/>
                </a:lnTo>
                <a:cubicBezTo>
                  <a:pt x="10517650" y="771649"/>
                  <a:pt x="10519678" y="745566"/>
                  <a:pt x="10540255" y="745566"/>
                </a:cubicBezTo>
                <a:close/>
                <a:moveTo>
                  <a:pt x="11659805" y="741219"/>
                </a:moveTo>
                <a:cubicBezTo>
                  <a:pt x="11675455" y="741219"/>
                  <a:pt x="11679512" y="752521"/>
                  <a:pt x="11679802" y="762665"/>
                </a:cubicBezTo>
                <a:cubicBezTo>
                  <a:pt x="11676034" y="762665"/>
                  <a:pt x="11641546" y="762665"/>
                  <a:pt x="11637779" y="762665"/>
                </a:cubicBezTo>
                <a:cubicBezTo>
                  <a:pt x="11638648" y="755130"/>
                  <a:pt x="11643575" y="741219"/>
                  <a:pt x="11659805" y="741219"/>
                </a:cubicBezTo>
                <a:close/>
                <a:moveTo>
                  <a:pt x="11280729" y="741219"/>
                </a:moveTo>
                <a:cubicBezTo>
                  <a:pt x="11296379" y="741219"/>
                  <a:pt x="11300436" y="752521"/>
                  <a:pt x="11300726" y="762665"/>
                </a:cubicBezTo>
                <a:cubicBezTo>
                  <a:pt x="11296958" y="762665"/>
                  <a:pt x="11262471" y="762665"/>
                  <a:pt x="11258703" y="762665"/>
                </a:cubicBezTo>
                <a:cubicBezTo>
                  <a:pt x="11259862" y="755130"/>
                  <a:pt x="11264499" y="741219"/>
                  <a:pt x="11280729" y="741219"/>
                </a:cubicBezTo>
                <a:close/>
                <a:moveTo>
                  <a:pt x="10850936" y="741219"/>
                </a:moveTo>
                <a:cubicBezTo>
                  <a:pt x="10866586" y="741219"/>
                  <a:pt x="10870643" y="752521"/>
                  <a:pt x="10870933" y="762665"/>
                </a:cubicBezTo>
                <a:cubicBezTo>
                  <a:pt x="10867165" y="762665"/>
                  <a:pt x="10832677" y="762665"/>
                  <a:pt x="10828910" y="762665"/>
                </a:cubicBezTo>
                <a:cubicBezTo>
                  <a:pt x="10830069" y="755130"/>
                  <a:pt x="10834706" y="741219"/>
                  <a:pt x="10850936" y="741219"/>
                </a:cubicBezTo>
                <a:close/>
                <a:moveTo>
                  <a:pt x="11712261" y="731944"/>
                </a:moveTo>
                <a:lnTo>
                  <a:pt x="11712261" y="740349"/>
                </a:lnTo>
                <a:lnTo>
                  <a:pt x="11714290" y="740349"/>
                </a:lnTo>
                <a:cubicBezTo>
                  <a:pt x="11729360" y="741508"/>
                  <a:pt x="11732838" y="744116"/>
                  <a:pt x="11742402" y="756578"/>
                </a:cubicBezTo>
                <a:lnTo>
                  <a:pt x="11760660" y="780923"/>
                </a:lnTo>
                <a:lnTo>
                  <a:pt x="11730809" y="815410"/>
                </a:lnTo>
                <a:lnTo>
                  <a:pt x="11761529" y="815410"/>
                </a:lnTo>
                <a:lnTo>
                  <a:pt x="11774861" y="800050"/>
                </a:lnTo>
                <a:lnTo>
                  <a:pt x="11803553" y="838305"/>
                </a:lnTo>
                <a:lnTo>
                  <a:pt x="11838040" y="838305"/>
                </a:lnTo>
                <a:lnTo>
                  <a:pt x="11783266" y="766722"/>
                </a:lnTo>
                <a:lnTo>
                  <a:pt x="11811377" y="766722"/>
                </a:lnTo>
                <a:lnTo>
                  <a:pt x="11841228" y="731944"/>
                </a:lnTo>
                <a:lnTo>
                  <a:pt x="11810508" y="731944"/>
                </a:lnTo>
                <a:lnTo>
                  <a:pt x="11782106" y="764693"/>
                </a:lnTo>
                <a:lnTo>
                  <a:pt x="11756892" y="731944"/>
                </a:lnTo>
                <a:close/>
                <a:moveTo>
                  <a:pt x="11660964" y="729626"/>
                </a:moveTo>
                <a:cubicBezTo>
                  <a:pt x="11624737" y="729626"/>
                  <a:pt x="11606479" y="747015"/>
                  <a:pt x="11606479" y="781502"/>
                </a:cubicBezTo>
                <a:cubicBezTo>
                  <a:pt x="11606479" y="818598"/>
                  <a:pt x="11630244" y="840625"/>
                  <a:pt x="11669948" y="840625"/>
                </a:cubicBezTo>
                <a:cubicBezTo>
                  <a:pt x="11687337" y="840625"/>
                  <a:pt x="11700669" y="836277"/>
                  <a:pt x="11705596" y="834538"/>
                </a:cubicBezTo>
                <a:lnTo>
                  <a:pt x="11707334" y="833959"/>
                </a:lnTo>
                <a:lnTo>
                  <a:pt x="11707334" y="820048"/>
                </a:lnTo>
                <a:lnTo>
                  <a:pt x="11704436" y="820917"/>
                </a:lnTo>
                <a:cubicBezTo>
                  <a:pt x="11699509" y="822656"/>
                  <a:pt x="11691105" y="824395"/>
                  <a:pt x="11681541" y="824395"/>
                </a:cubicBezTo>
                <a:cubicBezTo>
                  <a:pt x="11650241" y="824395"/>
                  <a:pt x="11638648" y="798602"/>
                  <a:pt x="11638069" y="775417"/>
                </a:cubicBezTo>
                <a:cubicBezTo>
                  <a:pt x="11642126" y="775417"/>
                  <a:pt x="11709363" y="775417"/>
                  <a:pt x="11709363" y="775417"/>
                </a:cubicBezTo>
                <a:lnTo>
                  <a:pt x="11709363" y="773678"/>
                </a:lnTo>
                <a:cubicBezTo>
                  <a:pt x="11709363" y="744406"/>
                  <a:pt x="11693133" y="729626"/>
                  <a:pt x="11660964" y="729626"/>
                </a:cubicBezTo>
                <a:close/>
                <a:moveTo>
                  <a:pt x="10517940" y="729337"/>
                </a:moveTo>
                <a:lnTo>
                  <a:pt x="10515621" y="729626"/>
                </a:lnTo>
                <a:lnTo>
                  <a:pt x="10468961" y="736872"/>
                </a:lnTo>
                <a:lnTo>
                  <a:pt x="10468961" y="744987"/>
                </a:lnTo>
                <a:lnTo>
                  <a:pt x="10470990" y="744987"/>
                </a:lnTo>
                <a:cubicBezTo>
                  <a:pt x="10485481" y="745276"/>
                  <a:pt x="10488379" y="748464"/>
                  <a:pt x="10488379" y="762375"/>
                </a:cubicBezTo>
                <a:lnTo>
                  <a:pt x="10488379" y="882648"/>
                </a:lnTo>
                <a:lnTo>
                  <a:pt x="10517650" y="882648"/>
                </a:lnTo>
                <a:cubicBezTo>
                  <a:pt x="10517650" y="882648"/>
                  <a:pt x="10517650" y="836857"/>
                  <a:pt x="10517650" y="827873"/>
                </a:cubicBezTo>
                <a:cubicBezTo>
                  <a:pt x="10523156" y="834249"/>
                  <a:pt x="10531561" y="840335"/>
                  <a:pt x="10547501" y="840335"/>
                </a:cubicBezTo>
                <a:cubicBezTo>
                  <a:pt x="10577931" y="840335"/>
                  <a:pt x="10594160" y="820628"/>
                  <a:pt x="10594160" y="783242"/>
                </a:cubicBezTo>
                <a:cubicBezTo>
                  <a:pt x="10594160" y="749044"/>
                  <a:pt x="10577641" y="729626"/>
                  <a:pt x="10548660" y="729626"/>
                </a:cubicBezTo>
                <a:cubicBezTo>
                  <a:pt x="10537937" y="729626"/>
                  <a:pt x="10527214" y="734843"/>
                  <a:pt x="10517940" y="744697"/>
                </a:cubicBezTo>
                <a:cubicBezTo>
                  <a:pt x="10517940" y="739480"/>
                  <a:pt x="10517940" y="729337"/>
                  <a:pt x="10517940" y="729337"/>
                </a:cubicBezTo>
                <a:close/>
                <a:moveTo>
                  <a:pt x="10266092" y="729337"/>
                </a:moveTo>
                <a:lnTo>
                  <a:pt x="10263773" y="729627"/>
                </a:lnTo>
                <a:lnTo>
                  <a:pt x="10217113" y="736872"/>
                </a:lnTo>
                <a:lnTo>
                  <a:pt x="10217113" y="744987"/>
                </a:lnTo>
                <a:lnTo>
                  <a:pt x="10219142" y="744987"/>
                </a:lnTo>
                <a:cubicBezTo>
                  <a:pt x="10233922" y="745277"/>
                  <a:pt x="10237110" y="748464"/>
                  <a:pt x="10237110" y="762375"/>
                </a:cubicBezTo>
                <a:lnTo>
                  <a:pt x="10237110" y="838017"/>
                </a:lnTo>
                <a:lnTo>
                  <a:pt x="10266381" y="838017"/>
                </a:lnTo>
                <a:lnTo>
                  <a:pt x="10266381" y="782373"/>
                </a:lnTo>
                <a:cubicBezTo>
                  <a:pt x="10266381" y="767592"/>
                  <a:pt x="10280292" y="748464"/>
                  <a:pt x="10295073" y="748464"/>
                </a:cubicBezTo>
                <a:cubicBezTo>
                  <a:pt x="10308984" y="748464"/>
                  <a:pt x="10309853" y="760057"/>
                  <a:pt x="10309853" y="779185"/>
                </a:cubicBezTo>
                <a:lnTo>
                  <a:pt x="10309853" y="838017"/>
                </a:lnTo>
                <a:lnTo>
                  <a:pt x="10339124" y="838017"/>
                </a:lnTo>
                <a:lnTo>
                  <a:pt x="10339124" y="762375"/>
                </a:lnTo>
                <a:cubicBezTo>
                  <a:pt x="10338834" y="741219"/>
                  <a:pt x="10327242" y="729627"/>
                  <a:pt x="10306375" y="729627"/>
                </a:cubicBezTo>
                <a:cubicBezTo>
                  <a:pt x="10284929" y="729627"/>
                  <a:pt x="10271888" y="744117"/>
                  <a:pt x="10266092" y="753101"/>
                </a:cubicBezTo>
                <a:cubicBezTo>
                  <a:pt x="10266092" y="745277"/>
                  <a:pt x="10266092" y="729337"/>
                  <a:pt x="10266092" y="729337"/>
                </a:cubicBezTo>
                <a:close/>
                <a:moveTo>
                  <a:pt x="11281888" y="729336"/>
                </a:moveTo>
                <a:cubicBezTo>
                  <a:pt x="11245661" y="729336"/>
                  <a:pt x="11227403" y="746725"/>
                  <a:pt x="11227403" y="781213"/>
                </a:cubicBezTo>
                <a:cubicBezTo>
                  <a:pt x="11227403" y="818309"/>
                  <a:pt x="11251168" y="840335"/>
                  <a:pt x="11290872" y="840335"/>
                </a:cubicBezTo>
                <a:cubicBezTo>
                  <a:pt x="11308261" y="840335"/>
                  <a:pt x="11321593" y="835987"/>
                  <a:pt x="11326520" y="834248"/>
                </a:cubicBezTo>
                <a:lnTo>
                  <a:pt x="11328258" y="833669"/>
                </a:lnTo>
                <a:lnTo>
                  <a:pt x="11328258" y="820048"/>
                </a:lnTo>
                <a:lnTo>
                  <a:pt x="11325360" y="820917"/>
                </a:lnTo>
                <a:cubicBezTo>
                  <a:pt x="11320434" y="822656"/>
                  <a:pt x="11312029" y="824395"/>
                  <a:pt x="11302465" y="824395"/>
                </a:cubicBezTo>
                <a:cubicBezTo>
                  <a:pt x="11271455" y="824395"/>
                  <a:pt x="11259573" y="798602"/>
                  <a:pt x="11258993" y="775417"/>
                </a:cubicBezTo>
                <a:cubicBezTo>
                  <a:pt x="11263050" y="775417"/>
                  <a:pt x="11330287" y="775417"/>
                  <a:pt x="11330287" y="775417"/>
                </a:cubicBezTo>
                <a:lnTo>
                  <a:pt x="11330287" y="773388"/>
                </a:lnTo>
                <a:cubicBezTo>
                  <a:pt x="11330287" y="744117"/>
                  <a:pt x="11314057" y="729336"/>
                  <a:pt x="11281888" y="729336"/>
                </a:cubicBezTo>
                <a:close/>
                <a:moveTo>
                  <a:pt x="10852095" y="729336"/>
                </a:moveTo>
                <a:cubicBezTo>
                  <a:pt x="10815868" y="729336"/>
                  <a:pt x="10797320" y="746725"/>
                  <a:pt x="10797320" y="781213"/>
                </a:cubicBezTo>
                <a:cubicBezTo>
                  <a:pt x="10797320" y="818309"/>
                  <a:pt x="10821085" y="840335"/>
                  <a:pt x="10860789" y="840335"/>
                </a:cubicBezTo>
                <a:cubicBezTo>
                  <a:pt x="10878178" y="840335"/>
                  <a:pt x="10891510" y="835987"/>
                  <a:pt x="10896437" y="834249"/>
                </a:cubicBezTo>
                <a:lnTo>
                  <a:pt x="10898175" y="833669"/>
                </a:lnTo>
                <a:lnTo>
                  <a:pt x="10898175" y="820048"/>
                </a:lnTo>
                <a:lnTo>
                  <a:pt x="10895277" y="820917"/>
                </a:lnTo>
                <a:cubicBezTo>
                  <a:pt x="10890351" y="822656"/>
                  <a:pt x="10881946" y="824395"/>
                  <a:pt x="10872382" y="824395"/>
                </a:cubicBezTo>
                <a:cubicBezTo>
                  <a:pt x="10841372" y="824395"/>
                  <a:pt x="10829779" y="798602"/>
                  <a:pt x="10828910" y="775417"/>
                </a:cubicBezTo>
                <a:cubicBezTo>
                  <a:pt x="10832967" y="775417"/>
                  <a:pt x="10900204" y="775417"/>
                  <a:pt x="10900204" y="775417"/>
                </a:cubicBezTo>
                <a:lnTo>
                  <a:pt x="10900204" y="773388"/>
                </a:lnTo>
                <a:lnTo>
                  <a:pt x="10900494" y="773388"/>
                </a:lnTo>
                <a:cubicBezTo>
                  <a:pt x="10900494" y="744117"/>
                  <a:pt x="10884264" y="729336"/>
                  <a:pt x="10852095" y="729336"/>
                </a:cubicBezTo>
                <a:close/>
                <a:moveTo>
                  <a:pt x="10416214" y="729047"/>
                </a:moveTo>
                <a:cubicBezTo>
                  <a:pt x="10388682" y="729047"/>
                  <a:pt x="10372453" y="740929"/>
                  <a:pt x="10372453" y="760636"/>
                </a:cubicBezTo>
                <a:cubicBezTo>
                  <a:pt x="10372453" y="778315"/>
                  <a:pt x="10389552" y="786719"/>
                  <a:pt x="10404622" y="793965"/>
                </a:cubicBezTo>
                <a:cubicBezTo>
                  <a:pt x="10416214" y="799761"/>
                  <a:pt x="10427228" y="804978"/>
                  <a:pt x="10427228" y="813672"/>
                </a:cubicBezTo>
                <a:cubicBezTo>
                  <a:pt x="10427228" y="821787"/>
                  <a:pt x="10420272" y="826424"/>
                  <a:pt x="10407810" y="826424"/>
                </a:cubicBezTo>
                <a:cubicBezTo>
                  <a:pt x="10394189" y="826424"/>
                  <a:pt x="10382597" y="819468"/>
                  <a:pt x="10375931" y="815411"/>
                </a:cubicBezTo>
                <a:lnTo>
                  <a:pt x="10372743" y="813382"/>
                </a:lnTo>
                <a:lnTo>
                  <a:pt x="10372743" y="835988"/>
                </a:lnTo>
                <a:lnTo>
                  <a:pt x="10374771" y="836567"/>
                </a:lnTo>
                <a:cubicBezTo>
                  <a:pt x="10380568" y="838016"/>
                  <a:pt x="10391581" y="840335"/>
                  <a:pt x="10406651" y="840335"/>
                </a:cubicBezTo>
                <a:cubicBezTo>
                  <a:pt x="10436212" y="840335"/>
                  <a:pt x="10453890" y="828163"/>
                  <a:pt x="10453890" y="807876"/>
                </a:cubicBezTo>
                <a:cubicBezTo>
                  <a:pt x="10453890" y="788168"/>
                  <a:pt x="10435922" y="779474"/>
                  <a:pt x="10420272" y="771649"/>
                </a:cubicBezTo>
                <a:cubicBezTo>
                  <a:pt x="10408680" y="766143"/>
                  <a:pt x="10398826" y="761216"/>
                  <a:pt x="10398826" y="753101"/>
                </a:cubicBezTo>
                <a:cubicBezTo>
                  <a:pt x="10398826" y="744117"/>
                  <a:pt x="10409549" y="743248"/>
                  <a:pt x="10414186" y="743248"/>
                </a:cubicBezTo>
                <a:cubicBezTo>
                  <a:pt x="10426068" y="743248"/>
                  <a:pt x="10436791" y="749913"/>
                  <a:pt x="10441428" y="752521"/>
                </a:cubicBezTo>
                <a:lnTo>
                  <a:pt x="10446065" y="755419"/>
                </a:lnTo>
                <a:lnTo>
                  <a:pt x="10446065" y="751652"/>
                </a:lnTo>
                <a:lnTo>
                  <a:pt x="10446065" y="733394"/>
                </a:lnTo>
                <a:lnTo>
                  <a:pt x="10442587" y="732524"/>
                </a:lnTo>
                <a:cubicBezTo>
                  <a:pt x="10437371" y="731365"/>
                  <a:pt x="10427517" y="729047"/>
                  <a:pt x="10416214" y="729047"/>
                </a:cubicBezTo>
                <a:close/>
                <a:moveTo>
                  <a:pt x="10663137" y="729046"/>
                </a:moveTo>
                <a:lnTo>
                  <a:pt x="10660818" y="729336"/>
                </a:lnTo>
                <a:lnTo>
                  <a:pt x="10614448" y="736872"/>
                </a:lnTo>
                <a:lnTo>
                  <a:pt x="10614448" y="744986"/>
                </a:lnTo>
                <a:lnTo>
                  <a:pt x="10616477" y="744986"/>
                </a:lnTo>
                <a:cubicBezTo>
                  <a:pt x="10630968" y="745276"/>
                  <a:pt x="10633866" y="748464"/>
                  <a:pt x="10633866" y="762375"/>
                </a:cubicBezTo>
                <a:lnTo>
                  <a:pt x="10633866" y="838017"/>
                </a:lnTo>
                <a:lnTo>
                  <a:pt x="10663137" y="838017"/>
                </a:lnTo>
                <a:close/>
                <a:moveTo>
                  <a:pt x="10739648" y="728756"/>
                </a:moveTo>
                <a:lnTo>
                  <a:pt x="10737329" y="729046"/>
                </a:lnTo>
                <a:lnTo>
                  <a:pt x="10690669" y="736292"/>
                </a:lnTo>
                <a:lnTo>
                  <a:pt x="10690669" y="744406"/>
                </a:lnTo>
                <a:lnTo>
                  <a:pt x="10692698" y="744406"/>
                </a:lnTo>
                <a:cubicBezTo>
                  <a:pt x="10707478" y="744696"/>
                  <a:pt x="10710376" y="747884"/>
                  <a:pt x="10710376" y="761795"/>
                </a:cubicBezTo>
                <a:lnTo>
                  <a:pt x="10710376" y="837437"/>
                </a:lnTo>
                <a:lnTo>
                  <a:pt x="10739648" y="837437"/>
                </a:lnTo>
                <a:lnTo>
                  <a:pt x="10739648" y="782951"/>
                </a:lnTo>
                <a:cubicBezTo>
                  <a:pt x="10739648" y="773678"/>
                  <a:pt x="10742546" y="752231"/>
                  <a:pt x="10770078" y="752231"/>
                </a:cubicBezTo>
                <a:cubicBezTo>
                  <a:pt x="10773266" y="752231"/>
                  <a:pt x="10776743" y="753101"/>
                  <a:pt x="10780221" y="754260"/>
                </a:cubicBezTo>
                <a:lnTo>
                  <a:pt x="10784858" y="755709"/>
                </a:lnTo>
                <a:lnTo>
                  <a:pt x="10785148" y="753391"/>
                </a:lnTo>
                <a:lnTo>
                  <a:pt x="10785148" y="730785"/>
                </a:lnTo>
                <a:lnTo>
                  <a:pt x="10783409" y="730495"/>
                </a:lnTo>
                <a:cubicBezTo>
                  <a:pt x="10778772" y="729626"/>
                  <a:pt x="10773845" y="729336"/>
                  <a:pt x="10769498" y="729336"/>
                </a:cubicBezTo>
                <a:cubicBezTo>
                  <a:pt x="10752979" y="729336"/>
                  <a:pt x="10744285" y="741508"/>
                  <a:pt x="10739648" y="750782"/>
                </a:cubicBezTo>
                <a:cubicBezTo>
                  <a:pt x="10739648" y="742088"/>
                  <a:pt x="10739648" y="728756"/>
                  <a:pt x="10739648" y="728756"/>
                </a:cubicBezTo>
                <a:close/>
                <a:moveTo>
                  <a:pt x="11869919" y="699195"/>
                </a:moveTo>
                <a:lnTo>
                  <a:pt x="11869919" y="703619"/>
                </a:lnTo>
                <a:cubicBezTo>
                  <a:pt x="11869919" y="712164"/>
                  <a:pt x="11869919" y="729553"/>
                  <a:pt x="11869919" y="731944"/>
                </a:cubicBezTo>
                <a:cubicBezTo>
                  <a:pt x="11866732" y="731944"/>
                  <a:pt x="11850502" y="731944"/>
                  <a:pt x="11850502" y="731944"/>
                </a:cubicBezTo>
                <a:lnTo>
                  <a:pt x="11850502" y="744986"/>
                </a:lnTo>
                <a:cubicBezTo>
                  <a:pt x="11850502" y="744986"/>
                  <a:pt x="11866732" y="744986"/>
                  <a:pt x="11869919" y="744986"/>
                </a:cubicBezTo>
                <a:cubicBezTo>
                  <a:pt x="11869919" y="748753"/>
                  <a:pt x="11869919" y="810194"/>
                  <a:pt x="11869919" y="810194"/>
                </a:cubicBezTo>
                <a:cubicBezTo>
                  <a:pt x="11869919" y="838306"/>
                  <a:pt x="11888178" y="840625"/>
                  <a:pt x="11909914" y="840625"/>
                </a:cubicBezTo>
                <a:cubicBezTo>
                  <a:pt x="11915420" y="840625"/>
                  <a:pt x="11920927" y="839755"/>
                  <a:pt x="11927013" y="838886"/>
                </a:cubicBezTo>
                <a:lnTo>
                  <a:pt x="11928752" y="838596"/>
                </a:lnTo>
                <a:lnTo>
                  <a:pt x="11928752" y="825554"/>
                </a:lnTo>
                <a:lnTo>
                  <a:pt x="11926143" y="826134"/>
                </a:lnTo>
                <a:cubicBezTo>
                  <a:pt x="11923535" y="826713"/>
                  <a:pt x="11920637" y="827003"/>
                  <a:pt x="11917449" y="827003"/>
                </a:cubicBezTo>
                <a:cubicBezTo>
                  <a:pt x="11899770" y="827003"/>
                  <a:pt x="11898901" y="821786"/>
                  <a:pt x="11898901" y="807006"/>
                </a:cubicBezTo>
                <a:cubicBezTo>
                  <a:pt x="11898901" y="807006"/>
                  <a:pt x="11898901" y="749043"/>
                  <a:pt x="11898901" y="745275"/>
                </a:cubicBezTo>
                <a:cubicBezTo>
                  <a:pt x="11902669" y="745275"/>
                  <a:pt x="11931650" y="745275"/>
                  <a:pt x="11931650" y="745275"/>
                </a:cubicBezTo>
                <a:lnTo>
                  <a:pt x="11931650" y="732234"/>
                </a:lnTo>
                <a:cubicBezTo>
                  <a:pt x="11931650" y="732234"/>
                  <a:pt x="11902379" y="732234"/>
                  <a:pt x="11898901" y="732234"/>
                </a:cubicBezTo>
                <a:cubicBezTo>
                  <a:pt x="11898901" y="728466"/>
                  <a:pt x="11898901" y="699195"/>
                  <a:pt x="11898901" y="699195"/>
                </a:cubicBezTo>
                <a:close/>
                <a:moveTo>
                  <a:pt x="11002797" y="699195"/>
                </a:moveTo>
                <a:lnTo>
                  <a:pt x="11002797" y="703619"/>
                </a:lnTo>
                <a:cubicBezTo>
                  <a:pt x="11002797" y="712164"/>
                  <a:pt x="11002797" y="729553"/>
                  <a:pt x="11002797" y="731944"/>
                </a:cubicBezTo>
                <a:cubicBezTo>
                  <a:pt x="10999610" y="731944"/>
                  <a:pt x="10983380" y="731944"/>
                  <a:pt x="10983380" y="731944"/>
                </a:cubicBezTo>
                <a:lnTo>
                  <a:pt x="10983380" y="744986"/>
                </a:lnTo>
                <a:cubicBezTo>
                  <a:pt x="10983380" y="744986"/>
                  <a:pt x="10999610" y="744986"/>
                  <a:pt x="11002797" y="744986"/>
                </a:cubicBezTo>
                <a:cubicBezTo>
                  <a:pt x="11002797" y="748753"/>
                  <a:pt x="11002797" y="810194"/>
                  <a:pt x="11002797" y="810194"/>
                </a:cubicBezTo>
                <a:cubicBezTo>
                  <a:pt x="11002797" y="838306"/>
                  <a:pt x="11021056" y="840625"/>
                  <a:pt x="11042792" y="840625"/>
                </a:cubicBezTo>
                <a:cubicBezTo>
                  <a:pt x="11048298" y="840625"/>
                  <a:pt x="11053805" y="839755"/>
                  <a:pt x="11059891" y="838886"/>
                </a:cubicBezTo>
                <a:lnTo>
                  <a:pt x="11061630" y="838596"/>
                </a:lnTo>
                <a:lnTo>
                  <a:pt x="11061630" y="825554"/>
                </a:lnTo>
                <a:lnTo>
                  <a:pt x="11059021" y="826134"/>
                </a:lnTo>
                <a:cubicBezTo>
                  <a:pt x="11056413" y="826714"/>
                  <a:pt x="11053515" y="827003"/>
                  <a:pt x="11050327" y="827003"/>
                </a:cubicBezTo>
                <a:cubicBezTo>
                  <a:pt x="11032938" y="827003"/>
                  <a:pt x="11031779" y="821787"/>
                  <a:pt x="11031779" y="807006"/>
                </a:cubicBezTo>
                <a:cubicBezTo>
                  <a:pt x="11031779" y="807006"/>
                  <a:pt x="11031779" y="749043"/>
                  <a:pt x="11031779" y="745275"/>
                </a:cubicBezTo>
                <a:cubicBezTo>
                  <a:pt x="11035547" y="745275"/>
                  <a:pt x="11064528" y="745275"/>
                  <a:pt x="11064528" y="745275"/>
                </a:cubicBezTo>
                <a:lnTo>
                  <a:pt x="11064528" y="732234"/>
                </a:lnTo>
                <a:cubicBezTo>
                  <a:pt x="11064528" y="732234"/>
                  <a:pt x="11035257" y="732234"/>
                  <a:pt x="11031779" y="732234"/>
                </a:cubicBezTo>
                <a:cubicBezTo>
                  <a:pt x="11031779" y="728466"/>
                  <a:pt x="11031779" y="699195"/>
                  <a:pt x="11031779" y="699195"/>
                </a:cubicBezTo>
                <a:close/>
                <a:moveTo>
                  <a:pt x="11403900" y="686154"/>
                </a:moveTo>
                <a:lnTo>
                  <a:pt x="11403900" y="694849"/>
                </a:lnTo>
                <a:lnTo>
                  <a:pt x="11409696" y="695718"/>
                </a:lnTo>
                <a:cubicBezTo>
                  <a:pt x="11427375" y="698616"/>
                  <a:pt x="11428824" y="698906"/>
                  <a:pt x="11428824" y="716295"/>
                </a:cubicBezTo>
                <a:lnTo>
                  <a:pt x="11428824" y="838017"/>
                </a:lnTo>
                <a:lnTo>
                  <a:pt x="11460124" y="838017"/>
                </a:lnTo>
                <a:cubicBezTo>
                  <a:pt x="11460124" y="838017"/>
                  <a:pt x="11460124" y="728177"/>
                  <a:pt x="11460124" y="717164"/>
                </a:cubicBezTo>
                <a:cubicBezTo>
                  <a:pt x="11466210" y="726438"/>
                  <a:pt x="11540112" y="838017"/>
                  <a:pt x="11540112" y="838017"/>
                </a:cubicBezTo>
                <a:lnTo>
                  <a:pt x="11578657" y="838017"/>
                </a:lnTo>
                <a:lnTo>
                  <a:pt x="11578657" y="686154"/>
                </a:lnTo>
                <a:lnTo>
                  <a:pt x="11576628" y="686154"/>
                </a:lnTo>
                <a:lnTo>
                  <a:pt x="11547358" y="686154"/>
                </a:lnTo>
                <a:cubicBezTo>
                  <a:pt x="11547358" y="686154"/>
                  <a:pt x="11547358" y="790487"/>
                  <a:pt x="11547358" y="801500"/>
                </a:cubicBezTo>
                <a:cubicBezTo>
                  <a:pt x="11541271" y="792226"/>
                  <a:pt x="11471137" y="686154"/>
                  <a:pt x="11471137" y="686154"/>
                </a:cubicBezTo>
                <a:close/>
                <a:moveTo>
                  <a:pt x="10648935" y="684705"/>
                </a:moveTo>
                <a:cubicBezTo>
                  <a:pt x="10639082" y="684705"/>
                  <a:pt x="10631257" y="691660"/>
                  <a:pt x="10631257" y="700355"/>
                </a:cubicBezTo>
                <a:cubicBezTo>
                  <a:pt x="10630967" y="709049"/>
                  <a:pt x="10639082" y="716294"/>
                  <a:pt x="10648646" y="716294"/>
                </a:cubicBezTo>
                <a:cubicBezTo>
                  <a:pt x="10658789" y="716294"/>
                  <a:pt x="10666904" y="709049"/>
                  <a:pt x="10666904" y="700355"/>
                </a:cubicBezTo>
                <a:cubicBezTo>
                  <a:pt x="10666904" y="691660"/>
                  <a:pt x="10658789" y="684705"/>
                  <a:pt x="10648935" y="684705"/>
                </a:cubicBezTo>
                <a:close/>
                <a:moveTo>
                  <a:pt x="10186104" y="683546"/>
                </a:moveTo>
                <a:lnTo>
                  <a:pt x="10184075" y="683835"/>
                </a:lnTo>
                <a:lnTo>
                  <a:pt x="10126402" y="689052"/>
                </a:lnTo>
                <a:lnTo>
                  <a:pt x="10126402" y="697457"/>
                </a:lnTo>
                <a:lnTo>
                  <a:pt x="10128141" y="697747"/>
                </a:lnTo>
                <a:cubicBezTo>
                  <a:pt x="10151326" y="700355"/>
                  <a:pt x="10151326" y="700355"/>
                  <a:pt x="10151326" y="717164"/>
                </a:cubicBezTo>
                <a:lnTo>
                  <a:pt x="10151326" y="838016"/>
                </a:lnTo>
                <a:lnTo>
                  <a:pt x="10186104" y="838016"/>
                </a:lnTo>
                <a:close/>
                <a:moveTo>
                  <a:pt x="11126259" y="680067"/>
                </a:moveTo>
                <a:lnTo>
                  <a:pt x="11123940" y="680357"/>
                </a:lnTo>
                <a:lnTo>
                  <a:pt x="11077570" y="686154"/>
                </a:lnTo>
                <a:lnTo>
                  <a:pt x="11077570" y="694268"/>
                </a:lnTo>
                <a:lnTo>
                  <a:pt x="11079599" y="694268"/>
                </a:lnTo>
                <a:cubicBezTo>
                  <a:pt x="11094089" y="694848"/>
                  <a:pt x="11096987" y="698036"/>
                  <a:pt x="11096987" y="712237"/>
                </a:cubicBezTo>
                <a:lnTo>
                  <a:pt x="11096987" y="838016"/>
                </a:lnTo>
                <a:lnTo>
                  <a:pt x="11126259" y="838016"/>
                </a:lnTo>
                <a:lnTo>
                  <a:pt x="11126259" y="783820"/>
                </a:lnTo>
                <a:cubicBezTo>
                  <a:pt x="11126259" y="764113"/>
                  <a:pt x="11141039" y="748463"/>
                  <a:pt x="11153791" y="748463"/>
                </a:cubicBezTo>
                <a:cubicBezTo>
                  <a:pt x="11170021" y="748463"/>
                  <a:pt x="11170021" y="760635"/>
                  <a:pt x="11170021" y="771359"/>
                </a:cubicBezTo>
                <a:lnTo>
                  <a:pt x="11170021" y="838016"/>
                </a:lnTo>
                <a:lnTo>
                  <a:pt x="11199292" y="838016"/>
                </a:lnTo>
                <a:lnTo>
                  <a:pt x="11199292" y="768171"/>
                </a:lnTo>
                <a:cubicBezTo>
                  <a:pt x="11199002" y="756578"/>
                  <a:pt x="11199002" y="729626"/>
                  <a:pt x="11166253" y="729626"/>
                </a:cubicBezTo>
                <a:cubicBezTo>
                  <a:pt x="11144807" y="729626"/>
                  <a:pt x="11132345" y="742957"/>
                  <a:pt x="11126259" y="752811"/>
                </a:cubicBezTo>
                <a:cubicBezTo>
                  <a:pt x="11126259" y="740928"/>
                  <a:pt x="11126259" y="680067"/>
                  <a:pt x="11126259" y="680067"/>
                </a:cubicBezTo>
                <a:close/>
                <a:moveTo>
                  <a:pt x="11876006" y="655723"/>
                </a:moveTo>
                <a:lnTo>
                  <a:pt x="11838910" y="698905"/>
                </a:lnTo>
                <a:lnTo>
                  <a:pt x="11869630" y="698905"/>
                </a:lnTo>
                <a:lnTo>
                  <a:pt x="11907016" y="655723"/>
                </a:lnTo>
                <a:close/>
                <a:moveTo>
                  <a:pt x="11001639" y="412570"/>
                </a:moveTo>
                <a:lnTo>
                  <a:pt x="11046849" y="523569"/>
                </a:lnTo>
                <a:lnTo>
                  <a:pt x="10956717" y="523569"/>
                </a:lnTo>
                <a:close/>
                <a:moveTo>
                  <a:pt x="11765007" y="371127"/>
                </a:moveTo>
                <a:lnTo>
                  <a:pt x="11765007" y="615440"/>
                </a:lnTo>
                <a:lnTo>
                  <a:pt x="11829635" y="615440"/>
                </a:lnTo>
                <a:lnTo>
                  <a:pt x="11829635" y="371127"/>
                </a:lnTo>
                <a:close/>
                <a:moveTo>
                  <a:pt x="11453748" y="371127"/>
                </a:moveTo>
                <a:cubicBezTo>
                  <a:pt x="11454038" y="371127"/>
                  <a:pt x="11453748" y="615440"/>
                  <a:pt x="11453748" y="615440"/>
                </a:cubicBezTo>
                <a:lnTo>
                  <a:pt x="11518376" y="615440"/>
                </a:lnTo>
                <a:cubicBezTo>
                  <a:pt x="11518376" y="615440"/>
                  <a:pt x="11518376" y="508209"/>
                  <a:pt x="11518376" y="507919"/>
                </a:cubicBezTo>
                <a:cubicBezTo>
                  <a:pt x="11518376" y="507919"/>
                  <a:pt x="11649082" y="508209"/>
                  <a:pt x="11649082" y="507919"/>
                </a:cubicBezTo>
                <a:cubicBezTo>
                  <a:pt x="11649082" y="508209"/>
                  <a:pt x="11649082" y="615440"/>
                  <a:pt x="11649082" y="615440"/>
                </a:cubicBezTo>
                <a:cubicBezTo>
                  <a:pt x="11649082" y="615440"/>
                  <a:pt x="11713711" y="615440"/>
                  <a:pt x="11713711" y="615440"/>
                </a:cubicBezTo>
                <a:cubicBezTo>
                  <a:pt x="11714000" y="615150"/>
                  <a:pt x="11713711" y="371127"/>
                  <a:pt x="11713711" y="371127"/>
                </a:cubicBezTo>
                <a:cubicBezTo>
                  <a:pt x="11713131" y="371127"/>
                  <a:pt x="11649082" y="371127"/>
                  <a:pt x="11649082" y="371127"/>
                </a:cubicBezTo>
                <a:cubicBezTo>
                  <a:pt x="11649082" y="371127"/>
                  <a:pt x="11649082" y="469084"/>
                  <a:pt x="11649082" y="468794"/>
                </a:cubicBezTo>
                <a:lnTo>
                  <a:pt x="11518376" y="468794"/>
                </a:lnTo>
                <a:cubicBezTo>
                  <a:pt x="11518376" y="469664"/>
                  <a:pt x="11518376" y="371127"/>
                  <a:pt x="11518376" y="371127"/>
                </a:cubicBezTo>
                <a:close/>
                <a:moveTo>
                  <a:pt x="10961644" y="371127"/>
                </a:moveTo>
                <a:lnTo>
                  <a:pt x="10847458" y="615440"/>
                </a:lnTo>
                <a:cubicBezTo>
                  <a:pt x="10847458" y="615440"/>
                  <a:pt x="10919622" y="615440"/>
                  <a:pt x="10919622" y="615440"/>
                </a:cubicBezTo>
                <a:cubicBezTo>
                  <a:pt x="10919911" y="615729"/>
                  <a:pt x="10940778" y="562983"/>
                  <a:pt x="10940778" y="562983"/>
                </a:cubicBezTo>
                <a:lnTo>
                  <a:pt x="11062209" y="562983"/>
                </a:lnTo>
                <a:cubicBezTo>
                  <a:pt x="11062209" y="562983"/>
                  <a:pt x="11083366" y="615440"/>
                  <a:pt x="11083366" y="615440"/>
                </a:cubicBezTo>
                <a:cubicBezTo>
                  <a:pt x="11083076" y="615440"/>
                  <a:pt x="11155819" y="615440"/>
                  <a:pt x="11155529" y="615440"/>
                </a:cubicBezTo>
                <a:lnTo>
                  <a:pt x="11041053" y="371127"/>
                </a:lnTo>
                <a:cubicBezTo>
                  <a:pt x="11041053" y="371127"/>
                  <a:pt x="10961644" y="371417"/>
                  <a:pt x="10961644" y="371127"/>
                </a:cubicBezTo>
                <a:close/>
                <a:moveTo>
                  <a:pt x="10641690" y="371127"/>
                </a:moveTo>
                <a:cubicBezTo>
                  <a:pt x="10641690" y="371127"/>
                  <a:pt x="10641690" y="412570"/>
                  <a:pt x="10641690" y="412570"/>
                </a:cubicBezTo>
                <a:lnTo>
                  <a:pt x="10740516" y="412570"/>
                </a:lnTo>
                <a:lnTo>
                  <a:pt x="10740516" y="615440"/>
                </a:lnTo>
                <a:lnTo>
                  <a:pt x="10805145" y="615440"/>
                </a:lnTo>
                <a:lnTo>
                  <a:pt x="10805145" y="412570"/>
                </a:lnTo>
                <a:lnTo>
                  <a:pt x="10903971" y="412570"/>
                </a:lnTo>
                <a:cubicBezTo>
                  <a:pt x="10903971" y="412570"/>
                  <a:pt x="10903971" y="371706"/>
                  <a:pt x="10903971" y="371127"/>
                </a:cubicBezTo>
                <a:cubicBezTo>
                  <a:pt x="10903971" y="371127"/>
                  <a:pt x="10641400" y="371127"/>
                  <a:pt x="10641690" y="371127"/>
                </a:cubicBezTo>
                <a:close/>
                <a:moveTo>
                  <a:pt x="10553587" y="371127"/>
                </a:moveTo>
                <a:lnTo>
                  <a:pt x="10553587" y="615440"/>
                </a:lnTo>
                <a:lnTo>
                  <a:pt x="10618215" y="615440"/>
                </a:lnTo>
                <a:lnTo>
                  <a:pt x="10618215" y="371127"/>
                </a:lnTo>
                <a:close/>
                <a:moveTo>
                  <a:pt x="10242037" y="371127"/>
                </a:moveTo>
                <a:cubicBezTo>
                  <a:pt x="10242327" y="371127"/>
                  <a:pt x="10242037" y="615440"/>
                  <a:pt x="10242037" y="615440"/>
                </a:cubicBezTo>
                <a:lnTo>
                  <a:pt x="10306665" y="615440"/>
                </a:lnTo>
                <a:cubicBezTo>
                  <a:pt x="10306665" y="615440"/>
                  <a:pt x="10306665" y="508209"/>
                  <a:pt x="10306665" y="507919"/>
                </a:cubicBezTo>
                <a:cubicBezTo>
                  <a:pt x="10306665" y="507919"/>
                  <a:pt x="10437371" y="508209"/>
                  <a:pt x="10437371" y="507919"/>
                </a:cubicBezTo>
                <a:cubicBezTo>
                  <a:pt x="10437371" y="508209"/>
                  <a:pt x="10437371" y="615440"/>
                  <a:pt x="10437371" y="615440"/>
                </a:cubicBezTo>
                <a:cubicBezTo>
                  <a:pt x="10437371" y="615440"/>
                  <a:pt x="10502000" y="615440"/>
                  <a:pt x="10502000" y="615440"/>
                </a:cubicBezTo>
                <a:cubicBezTo>
                  <a:pt x="10502289" y="615150"/>
                  <a:pt x="10502000" y="371127"/>
                  <a:pt x="10502000" y="371127"/>
                </a:cubicBezTo>
                <a:cubicBezTo>
                  <a:pt x="10501420" y="371127"/>
                  <a:pt x="10437371" y="371127"/>
                  <a:pt x="10437371" y="371127"/>
                </a:cubicBezTo>
                <a:cubicBezTo>
                  <a:pt x="10437371" y="371127"/>
                  <a:pt x="10437371" y="469084"/>
                  <a:pt x="10437371" y="468794"/>
                </a:cubicBezTo>
                <a:lnTo>
                  <a:pt x="10306665" y="468794"/>
                </a:lnTo>
                <a:cubicBezTo>
                  <a:pt x="10306665" y="469663"/>
                  <a:pt x="10306665" y="371127"/>
                  <a:pt x="10306665" y="371127"/>
                </a:cubicBezTo>
                <a:close/>
                <a:moveTo>
                  <a:pt x="11288555" y="365041"/>
                </a:moveTo>
                <a:cubicBezTo>
                  <a:pt x="11263341" y="365041"/>
                  <a:pt x="11239286" y="369678"/>
                  <a:pt x="11216970" y="377792"/>
                </a:cubicBezTo>
                <a:cubicBezTo>
                  <a:pt x="11193496" y="386777"/>
                  <a:pt x="11174078" y="403296"/>
                  <a:pt x="11161326" y="424452"/>
                </a:cubicBezTo>
                <a:cubicBezTo>
                  <a:pt x="11149154" y="445029"/>
                  <a:pt x="11144517" y="469953"/>
                  <a:pt x="11144517" y="495457"/>
                </a:cubicBezTo>
                <a:cubicBezTo>
                  <a:pt x="11144517" y="514005"/>
                  <a:pt x="11147415" y="531104"/>
                  <a:pt x="11153211" y="547623"/>
                </a:cubicBezTo>
                <a:cubicBezTo>
                  <a:pt x="11164224" y="578633"/>
                  <a:pt x="11191467" y="601528"/>
                  <a:pt x="11222477" y="610802"/>
                </a:cubicBezTo>
                <a:cubicBezTo>
                  <a:pt x="11243344" y="617468"/>
                  <a:pt x="11265369" y="620946"/>
                  <a:pt x="11288265" y="620946"/>
                </a:cubicBezTo>
                <a:cubicBezTo>
                  <a:pt x="11317826" y="620946"/>
                  <a:pt x="11345938" y="614570"/>
                  <a:pt x="11371441" y="603847"/>
                </a:cubicBezTo>
                <a:cubicBezTo>
                  <a:pt x="11393757" y="594283"/>
                  <a:pt x="11410856" y="573996"/>
                  <a:pt x="11416652" y="549941"/>
                </a:cubicBezTo>
                <a:cubicBezTo>
                  <a:pt x="11418391" y="542406"/>
                  <a:pt x="11419550" y="534581"/>
                  <a:pt x="11419840" y="526756"/>
                </a:cubicBezTo>
                <a:lnTo>
                  <a:pt x="11351734" y="526756"/>
                </a:lnTo>
                <a:cubicBezTo>
                  <a:pt x="11351734" y="536030"/>
                  <a:pt x="11349995" y="544725"/>
                  <a:pt x="11346517" y="552840"/>
                </a:cubicBezTo>
                <a:cubicBezTo>
                  <a:pt x="11341011" y="565012"/>
                  <a:pt x="11330867" y="574286"/>
                  <a:pt x="11318116" y="578343"/>
                </a:cubicBezTo>
                <a:cubicBezTo>
                  <a:pt x="11308842" y="581531"/>
                  <a:pt x="11298698" y="582980"/>
                  <a:pt x="11288265" y="582980"/>
                </a:cubicBezTo>
                <a:cubicBezTo>
                  <a:pt x="11276092" y="582980"/>
                  <a:pt x="11264210" y="580662"/>
                  <a:pt x="11253487" y="576604"/>
                </a:cubicBezTo>
                <a:cubicBezTo>
                  <a:pt x="11236388" y="570228"/>
                  <a:pt x="11223057" y="555738"/>
                  <a:pt x="11218130" y="538059"/>
                </a:cubicBezTo>
                <a:cubicBezTo>
                  <a:pt x="11214362" y="524438"/>
                  <a:pt x="11212044" y="510237"/>
                  <a:pt x="11212044" y="495167"/>
                </a:cubicBezTo>
                <a:cubicBezTo>
                  <a:pt x="11212044" y="477199"/>
                  <a:pt x="11215522" y="459810"/>
                  <a:pt x="11221028" y="443870"/>
                </a:cubicBezTo>
                <a:cubicBezTo>
                  <a:pt x="11226824" y="427061"/>
                  <a:pt x="11239866" y="413729"/>
                  <a:pt x="11256385" y="407933"/>
                </a:cubicBezTo>
                <a:cubicBezTo>
                  <a:pt x="11266529" y="404455"/>
                  <a:pt x="11277252" y="402427"/>
                  <a:pt x="11288555" y="402427"/>
                </a:cubicBezTo>
                <a:cubicBezTo>
                  <a:pt x="11298408" y="402427"/>
                  <a:pt x="11307972" y="404166"/>
                  <a:pt x="11316956" y="406774"/>
                </a:cubicBezTo>
                <a:cubicBezTo>
                  <a:pt x="11330867" y="411121"/>
                  <a:pt x="11342170" y="421554"/>
                  <a:pt x="11347387" y="435175"/>
                </a:cubicBezTo>
                <a:cubicBezTo>
                  <a:pt x="11349705" y="440972"/>
                  <a:pt x="11350575" y="447638"/>
                  <a:pt x="11350864" y="454014"/>
                </a:cubicBezTo>
                <a:lnTo>
                  <a:pt x="11418681" y="454014"/>
                </a:lnTo>
                <a:cubicBezTo>
                  <a:pt x="11418101" y="448797"/>
                  <a:pt x="11417522" y="443580"/>
                  <a:pt x="11416362" y="438653"/>
                </a:cubicBezTo>
                <a:cubicBezTo>
                  <a:pt x="11411146" y="413150"/>
                  <a:pt x="11393467" y="392283"/>
                  <a:pt x="11370282" y="382140"/>
                </a:cubicBezTo>
                <a:cubicBezTo>
                  <a:pt x="11345068" y="371417"/>
                  <a:pt x="11317536" y="365041"/>
                  <a:pt x="11288555" y="365041"/>
                </a:cubicBezTo>
                <a:close/>
                <a:moveTo>
                  <a:pt x="8" y="0"/>
                </a:moveTo>
                <a:lnTo>
                  <a:pt x="12192001" y="0"/>
                </a:lnTo>
                <a:lnTo>
                  <a:pt x="12192001" y="2703598"/>
                </a:lnTo>
                <a:lnTo>
                  <a:pt x="12192000" y="2703598"/>
                </a:lnTo>
                <a:lnTo>
                  <a:pt x="12192000" y="4739174"/>
                </a:lnTo>
                <a:lnTo>
                  <a:pt x="0" y="4739174"/>
                </a:lnTo>
                <a:lnTo>
                  <a:pt x="0" y="2451098"/>
                </a:lnTo>
                <a:lnTo>
                  <a:pt x="8" y="2451098"/>
                </a:lnTo>
                <a:close/>
              </a:path>
            </a:pathLst>
          </a:custGeom>
          <a:blipFill>
            <a:blip r:embed="rId2"/>
            <a:stretch>
              <a:fillRect/>
            </a:stretch>
          </a:blipFill>
        </p:spPr>
        <p:txBody>
          <a:bodyPr wrap="square">
            <a:noAutofit/>
          </a:bodyPr>
          <a:lstStyle>
            <a:lvl1pPr>
              <a:defRPr sz="100"/>
            </a:lvl1pPr>
          </a:lstStyle>
          <a:p>
            <a:r>
              <a:rPr lang="en-US" dirty="0"/>
              <a:t> </a:t>
            </a:r>
            <a:endParaRPr lang="da-DK" dirty="0"/>
          </a:p>
        </p:txBody>
      </p:sp>
      <p:grpSp>
        <p:nvGrpSpPr>
          <p:cNvPr id="3" name="グループ化 39">
            <a:extLst>
              <a:ext uri="{FF2B5EF4-FFF2-40B4-BE49-F238E27FC236}">
                <a16:creationId xmlns:a16="http://schemas.microsoft.com/office/drawing/2014/main" id="{4CF0BF0B-01B3-4BFD-88C3-B64EC41A5AA9}"/>
              </a:ext>
            </a:extLst>
          </p:cNvPr>
          <p:cNvGrpSpPr/>
          <p:nvPr userDrawn="1"/>
        </p:nvGrpSpPr>
        <p:grpSpPr>
          <a:xfrm>
            <a:off x="0" y="4735772"/>
            <a:ext cx="12192000" cy="129984"/>
            <a:chOff x="0" y="4735772"/>
            <a:chExt cx="12192000" cy="129984"/>
          </a:xfrm>
        </p:grpSpPr>
        <p:sp>
          <p:nvSpPr>
            <p:cNvPr id="17" name="正方形/長方形 11">
              <a:extLst>
                <a:ext uri="{FF2B5EF4-FFF2-40B4-BE49-F238E27FC236}">
                  <a16:creationId xmlns:a16="http://schemas.microsoft.com/office/drawing/2014/main" id="{DE7BDB25-5A30-4A34-ABFC-B07249D3BFFA}"/>
                </a:ext>
              </a:extLst>
            </p:cNvPr>
            <p:cNvSpPr>
              <a:spLocks noChangeArrowheads="1"/>
            </p:cNvSpPr>
            <p:nvPr/>
          </p:nvSpPr>
          <p:spPr bwMode="gray">
            <a:xfrm>
              <a:off x="3" y="4735772"/>
              <a:ext cx="12191997" cy="129984"/>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2" name="グループ化 16">
              <a:extLst>
                <a:ext uri="{FF2B5EF4-FFF2-40B4-BE49-F238E27FC236}">
                  <a16:creationId xmlns:a16="http://schemas.microsoft.com/office/drawing/2014/main" id="{6A2D9974-F0D0-45BF-8832-276C0FF13C27}"/>
                </a:ext>
              </a:extLst>
            </p:cNvPr>
            <p:cNvGrpSpPr/>
            <p:nvPr userDrawn="1"/>
          </p:nvGrpSpPr>
          <p:grpSpPr>
            <a:xfrm>
              <a:off x="0" y="4735772"/>
              <a:ext cx="2782360" cy="129984"/>
              <a:chOff x="0" y="4735772"/>
              <a:chExt cx="2782360" cy="129984"/>
            </a:xfrm>
          </p:grpSpPr>
          <p:sp>
            <p:nvSpPr>
              <p:cNvPr id="19" name="正方形/長方形 42">
                <a:extLst>
                  <a:ext uri="{FF2B5EF4-FFF2-40B4-BE49-F238E27FC236}">
                    <a16:creationId xmlns:a16="http://schemas.microsoft.com/office/drawing/2014/main" id="{177D7250-BABC-4571-82D6-043E996D9DB0}"/>
                  </a:ext>
                </a:extLst>
              </p:cNvPr>
              <p:cNvSpPr/>
              <p:nvPr/>
            </p:nvSpPr>
            <p:spPr bwMode="gray">
              <a:xfrm>
                <a:off x="0" y="4735772"/>
                <a:ext cx="2782360" cy="129984"/>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20" name="正方形/長方形 43">
                <a:extLst>
                  <a:ext uri="{FF2B5EF4-FFF2-40B4-BE49-F238E27FC236}">
                    <a16:creationId xmlns:a16="http://schemas.microsoft.com/office/drawing/2014/main" id="{BFDA5A74-11DA-4E7F-9508-F12960D3B74E}"/>
                  </a:ext>
                </a:extLst>
              </p:cNvPr>
              <p:cNvSpPr/>
              <p:nvPr/>
            </p:nvSpPr>
            <p:spPr bwMode="gray">
              <a:xfrm>
                <a:off x="0" y="4735772"/>
                <a:ext cx="1392301" cy="129984"/>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sp>
        <p:nvSpPr>
          <p:cNvPr id="5" name="Footer Placeholder 4">
            <a:extLst>
              <a:ext uri="{FF2B5EF4-FFF2-40B4-BE49-F238E27FC236}">
                <a16:creationId xmlns:a16="http://schemas.microsoft.com/office/drawing/2014/main" id="{EC335698-AD40-4284-9146-56895C166387}"/>
              </a:ext>
            </a:extLst>
          </p:cNvPr>
          <p:cNvSpPr>
            <a:spLocks noGrp="1"/>
          </p:cNvSpPr>
          <p:nvPr>
            <p:ph type="ftr" sz="quarter" idx="11"/>
          </p:nvPr>
        </p:nvSpPr>
        <p:spPr>
          <a:xfrm>
            <a:off x="0" y="6858000"/>
            <a:ext cx="0" cy="0"/>
          </a:xfrm>
          <a:prstGeom prst="rect">
            <a:avLst/>
          </a:prstGeom>
        </p:spPr>
        <p:txBody>
          <a:bodyPr/>
          <a:lstStyle>
            <a:lvl1pPr>
              <a:defRPr sz="100">
                <a:solidFill>
                  <a:schemeClr val="bg1"/>
                </a:solidFill>
              </a:defRPr>
            </a:lvl1pPr>
          </a:lstStyle>
          <a:p>
            <a:endParaRPr lang="en-US" dirty="0"/>
          </a:p>
        </p:txBody>
      </p:sp>
      <p:sp>
        <p:nvSpPr>
          <p:cNvPr id="6" name="Slide Number Placeholder 5">
            <a:extLst>
              <a:ext uri="{FF2B5EF4-FFF2-40B4-BE49-F238E27FC236}">
                <a16:creationId xmlns:a16="http://schemas.microsoft.com/office/drawing/2014/main" id="{03815D6C-0C71-4C18-998E-2E308A2ABC64}"/>
              </a:ext>
            </a:extLst>
          </p:cNvPr>
          <p:cNvSpPr>
            <a:spLocks noGrp="1"/>
          </p:cNvSpPr>
          <p:nvPr>
            <p:ph type="sldNum" sz="quarter" idx="12"/>
          </p:nvPr>
        </p:nvSpPr>
        <p:spPr>
          <a:xfrm>
            <a:off x="0" y="6858000"/>
            <a:ext cx="0" cy="0"/>
          </a:xfrm>
        </p:spPr>
        <p:txBody>
          <a:bodyPr/>
          <a:lstStyle>
            <a:lvl1pPr>
              <a:defRPr sz="100">
                <a:solidFill>
                  <a:schemeClr val="bg1"/>
                </a:solidFill>
              </a:defRPr>
            </a:lvl1pPr>
          </a:lstStyle>
          <a:p>
            <a:fld id="{C24EC536-6FE3-4540-8D85-74C58F0BF697}" type="slidenum">
              <a:rPr lang="en-US" smtClean="0"/>
              <a:pPr/>
              <a:t>‹#›</a:t>
            </a:fld>
            <a:endParaRPr lang="en-US" dirty="0"/>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3DA6F311-81A1-433A-87C5-CB6DA321B03F}"/>
              </a:ext>
            </a:extLst>
          </p:cNvPr>
          <p:cNvSpPr txBox="1"/>
          <p:nvPr/>
        </p:nvSpPr>
        <p:spPr bwMode="gray">
          <a:xfrm>
            <a:off x="4856400" y="6540775"/>
            <a:ext cx="2484000" cy="169200"/>
          </a:xfrm>
          <a:prstGeom prst="rect">
            <a:avLst/>
          </a:prstGeom>
          <a:noFill/>
          <a:ln>
            <a:noFill/>
          </a:ln>
        </p:spPr>
        <p:txBody>
          <a:bodyPr wrap="square" lIns="0" tIns="0" rIns="0" bIns="0" rtlCol="0" anchor="ctr">
            <a:noAutofit/>
          </a:bodyPr>
          <a:lstStyle/>
          <a:p>
            <a:pPr marL="0" marR="0" lvl="0" indent="0" algn="ctr"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pic>
        <p:nvPicPr>
          <p:cNvPr id="7" name="Confidential" hidden="1">
            <a:extLst>
              <a:ext uri="{FF2B5EF4-FFF2-40B4-BE49-F238E27FC236}">
                <a16:creationId xmlns:a16="http://schemas.microsoft.com/office/drawing/2014/main" id="{5400EBF5-6B37-4F09-9C6C-F10AF0EBA464}"/>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277200" y="345600"/>
            <a:ext cx="1671890" cy="266400"/>
          </a:xfrm>
          <a:prstGeom prst="rect">
            <a:avLst/>
          </a:prstGeom>
        </p:spPr>
      </p:pic>
      <p:pic>
        <p:nvPicPr>
          <p:cNvPr id="15" name="Public" hidden="1">
            <a:extLst>
              <a:ext uri="{FF2B5EF4-FFF2-40B4-BE49-F238E27FC236}">
                <a16:creationId xmlns:a16="http://schemas.microsoft.com/office/drawing/2014/main" id="{AB30B44C-1FAC-42B1-91D5-52C0DDB28E02}"/>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275718" y="345600"/>
            <a:ext cx="1671890" cy="266400"/>
          </a:xfrm>
          <a:prstGeom prst="rect">
            <a:avLst/>
          </a:prstGeom>
        </p:spPr>
      </p:pic>
      <p:pic>
        <p:nvPicPr>
          <p:cNvPr id="23" name="Internal">
            <a:extLst>
              <a:ext uri="{FF2B5EF4-FFF2-40B4-BE49-F238E27FC236}">
                <a16:creationId xmlns:a16="http://schemas.microsoft.com/office/drawing/2014/main" id="{58075DE1-77CF-4415-AE87-8C01A84C3E40}"/>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275718" y="344152"/>
            <a:ext cx="1671890" cy="266400"/>
          </a:xfrm>
          <a:prstGeom prst="rect">
            <a:avLst/>
          </a:prstGeom>
        </p:spPr>
      </p:pic>
      <p:pic>
        <p:nvPicPr>
          <p:cNvPr id="28" name="Strictly" hidden="1">
            <a:extLst>
              <a:ext uri="{FF2B5EF4-FFF2-40B4-BE49-F238E27FC236}">
                <a16:creationId xmlns:a16="http://schemas.microsoft.com/office/drawing/2014/main" id="{9AC1ADDA-FB08-4CB7-975F-8B02766198B4}"/>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261960" y="345600"/>
            <a:ext cx="1671890" cy="266400"/>
          </a:xfrm>
          <a:prstGeom prst="rect">
            <a:avLst/>
          </a:prstGeom>
        </p:spPr>
      </p:pic>
      <p:sp>
        <p:nvSpPr>
          <p:cNvPr id="21" name="Title 1" descr="{&#10; &quot;SkabelonDesign&quot;: {&#10; &quot;textualValue&quot;: &quot;&lt;key1/&gt;&quot;,&#10; &quot;bindingCollection&quot;: {&#10; &quot;key1&quot;: {&quot;SkabelonDesign&quot;:{&quot;type&quot;:&quot;Text&quot;,&quot;binding&quot;:&quot;Title&quot;}}&#10; }&#10; }&#10;}">
            <a:extLst>
              <a:ext uri="{FF2B5EF4-FFF2-40B4-BE49-F238E27FC236}">
                <a16:creationId xmlns:a16="http://schemas.microsoft.com/office/drawing/2014/main" id="{7C8BDFB2-0620-481E-8923-D198C2F257CE}"/>
              </a:ext>
            </a:extLst>
          </p:cNvPr>
          <p:cNvSpPr txBox="1">
            <a:spLocks/>
          </p:cNvSpPr>
          <p:nvPr/>
        </p:nvSpPr>
        <p:spPr>
          <a:xfrm>
            <a:off x="1368000" y="5090400"/>
            <a:ext cx="10555200" cy="493200"/>
          </a:xfrm>
          <a:prstGeom prst="rect">
            <a:avLst/>
          </a:prstGeom>
          <a:noFill/>
        </p:spPr>
        <p:txBody>
          <a:bodyPr vert="horz" lIns="0" tIns="0" rIns="0" bIns="0" rtlCol="0" anchor="t">
            <a:noAutofit/>
          </a:bodyPr>
          <a:lstStyle>
            <a:lvl1pPr algn="l" defTabSz="914400" rtl="0" eaLnBrk="1" latinLnBrk="0" hangingPunct="1">
              <a:lnSpc>
                <a:spcPct val="100000"/>
              </a:lnSpc>
              <a:spcBef>
                <a:spcPct val="0"/>
              </a:spcBef>
              <a:buNone/>
              <a:defRPr sz="2800" b="1" kern="1200">
                <a:solidFill>
                  <a:schemeClr val="tx1"/>
                </a:solidFill>
                <a:latin typeface="+mj-lt"/>
                <a:ea typeface="+mj-ea"/>
                <a:cs typeface="+mj-cs"/>
              </a:defRPr>
            </a:lvl1pPr>
          </a:lstStyle>
          <a:p>
            <a:endParaRPr lang="en-US" sz="2400" dirty="0">
              <a:solidFill>
                <a:schemeClr val="tx1"/>
              </a:solidFill>
            </a:endParaRPr>
          </a:p>
        </p:txBody>
      </p:sp>
      <p:sp>
        <p:nvSpPr>
          <p:cNvPr id="25" name="Subtitle 2" descr="{&#10; &quot;SkabelonDesign&quot;: {&#10; &quot;textualValue&quot;: &quot;&lt;key1/&gt;&quot;,&#10; &quot;bindingCollection&quot;: {&#10; &quot;key1&quot;: {&quot;SkabelonDesign&quot;:{&quot;type&quot;:&quot;Text&quot;,&quot;binding&quot;:&quot;SupplementaryTitle&quot;}}&#10; }&#10; }&#10;}">
            <a:extLst>
              <a:ext uri="{FF2B5EF4-FFF2-40B4-BE49-F238E27FC236}">
                <a16:creationId xmlns:a16="http://schemas.microsoft.com/office/drawing/2014/main" id="{5AC6839C-96C5-4A4E-86DA-A636CB58676A}"/>
              </a:ext>
            </a:extLst>
          </p:cNvPr>
          <p:cNvSpPr txBox="1">
            <a:spLocks/>
          </p:cNvSpPr>
          <p:nvPr/>
        </p:nvSpPr>
        <p:spPr>
          <a:xfrm>
            <a:off x="1378800" y="5583600"/>
            <a:ext cx="10555200" cy="327600"/>
          </a:xfrm>
          <a:prstGeom prst="rect">
            <a:avLst/>
          </a:prstGeom>
          <a:noFill/>
        </p:spPr>
        <p:txBody>
          <a:bodyPr vert="horz" lIns="0" tIns="0" rIns="0" bIns="0" rtlCol="0" anchor="t">
            <a:noAutofit/>
          </a:bodyPr>
          <a:lstStyle>
            <a:lvl1pPr marL="0" indent="0" algn="l" defTabSz="914400" rtl="0" eaLnBrk="1" latinLnBrk="0" hangingPunct="1">
              <a:lnSpc>
                <a:spcPct val="100000"/>
              </a:lnSpc>
              <a:spcBef>
                <a:spcPts val="600"/>
              </a:spcBef>
              <a:buFont typeface="Arial" panose="020B0604020202020204" pitchFamily="34" charset="0"/>
              <a:buNone/>
              <a:defRPr sz="2000" kern="1200">
                <a:solidFill>
                  <a:schemeClr val="tx1"/>
                </a:solidFill>
                <a:latin typeface="Arial Nova Light" panose="020B0304020202020204" pitchFamily="34" charset="0"/>
                <a:ea typeface="+mn-ea"/>
                <a:cs typeface="+mn-cs"/>
              </a:defRPr>
            </a:lvl1pPr>
            <a:lvl2pPr marL="457200" indent="0" algn="ctr" defTabSz="914400" rtl="0" eaLnBrk="1" latinLnBrk="0" hangingPunct="1">
              <a:lnSpc>
                <a:spcPct val="100000"/>
              </a:lnSpc>
              <a:spcBef>
                <a:spcPts val="6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6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9pPr>
          </a:lstStyle>
          <a:p>
            <a:endParaRPr lang="en-US" dirty="0">
              <a:solidFill>
                <a:schemeClr val="tx1"/>
              </a:solidFill>
              <a:latin typeface="+mn-lt"/>
            </a:endParaRPr>
          </a:p>
        </p:txBody>
      </p:sp>
      <p:sp>
        <p:nvSpPr>
          <p:cNvPr id="26" name="Subtitle 2" descr="{&#10; &quot;SkabelonDesign&quot;: {&#10; &quot;textualValue&quot;: &quot;&lt;key1/&gt;&quot;,&#10; &quot;bindingCollection&quot;: {&#10; &quot;key1&quot;: {&quot;SkabelonDesign&quot;:{&quot;type&quot;:&quot;Text&quot;,&quot;binding&quot;:&quot;AdditionalInformation&quot;}}&#10; }&#10; }&#10;}">
            <a:extLst>
              <a:ext uri="{FF2B5EF4-FFF2-40B4-BE49-F238E27FC236}">
                <a16:creationId xmlns:a16="http://schemas.microsoft.com/office/drawing/2014/main" id="{8BBDA105-B6F9-4696-8154-72B04720E007}"/>
              </a:ext>
            </a:extLst>
          </p:cNvPr>
          <p:cNvSpPr txBox="1">
            <a:spLocks/>
          </p:cNvSpPr>
          <p:nvPr/>
        </p:nvSpPr>
        <p:spPr>
          <a:xfrm>
            <a:off x="1378800" y="5972400"/>
            <a:ext cx="10555200" cy="306000"/>
          </a:xfrm>
          <a:prstGeom prst="rect">
            <a:avLst/>
          </a:prstGeom>
          <a:noFill/>
        </p:spPr>
        <p:txBody>
          <a:bodyPr vert="horz" lIns="0" tIns="0" rIns="0" bIns="0" rtlCol="0" anchor="t">
            <a:noAutofit/>
          </a:bodyPr>
          <a:lstStyle>
            <a:lvl1pPr marL="0" indent="0" algn="l" defTabSz="914400" rtl="0" eaLnBrk="1" latinLnBrk="0" hangingPunct="1">
              <a:lnSpc>
                <a:spcPct val="100000"/>
              </a:lnSpc>
              <a:spcBef>
                <a:spcPts val="600"/>
              </a:spcBef>
              <a:buFont typeface="Arial" panose="020B0604020202020204" pitchFamily="34" charset="0"/>
              <a:buNone/>
              <a:defRPr sz="2000" kern="1200">
                <a:solidFill>
                  <a:schemeClr val="tx1"/>
                </a:solidFill>
                <a:latin typeface="Arial Nova Light" panose="020B0304020202020204" pitchFamily="34" charset="0"/>
                <a:ea typeface="+mn-ea"/>
                <a:cs typeface="+mn-cs"/>
              </a:defRPr>
            </a:lvl1pPr>
            <a:lvl2pPr marL="457200" indent="0" algn="ctr" defTabSz="914400" rtl="0" eaLnBrk="1" latinLnBrk="0" hangingPunct="1">
              <a:lnSpc>
                <a:spcPct val="100000"/>
              </a:lnSpc>
              <a:spcBef>
                <a:spcPts val="6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100000"/>
              </a:lnSpc>
              <a:spcBef>
                <a:spcPts val="6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100000"/>
              </a:lnSpc>
              <a:spcBef>
                <a:spcPts val="600"/>
              </a:spcBef>
              <a:spcAft>
                <a:spcPts val="0"/>
              </a:spcAft>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100000"/>
              </a:lnSpc>
              <a:spcBef>
                <a:spcPts val="600"/>
              </a:spcBef>
              <a:buFont typeface="Arial" panose="020B0604020202020204" pitchFamily="34" charset="0"/>
              <a:buNone/>
              <a:defRPr sz="1600" kern="1200">
                <a:solidFill>
                  <a:schemeClr val="tx1"/>
                </a:solidFill>
                <a:latin typeface="+mn-lt"/>
                <a:ea typeface="+mn-ea"/>
                <a:cs typeface="+mn-cs"/>
              </a:defRPr>
            </a:lvl9pPr>
          </a:lstStyle>
          <a:p>
            <a:endParaRPr lang="en-US" sz="1400" dirty="0">
              <a:solidFill>
                <a:schemeClr val="tx1"/>
              </a:solidFill>
              <a:latin typeface="+mn-lt"/>
            </a:endParaRPr>
          </a:p>
        </p:txBody>
      </p:sp>
      <p:pic>
        <p:nvPicPr>
          <p:cNvPr id="91" name="Picture 90">
            <a:extLst>
              <a:ext uri="{FF2B5EF4-FFF2-40B4-BE49-F238E27FC236}">
                <a16:creationId xmlns:a16="http://schemas.microsoft.com/office/drawing/2014/main" id="{D403E170-1C5D-44AC-9B5C-916FCB002A49}"/>
              </a:ext>
            </a:extLst>
          </p:cNvPr>
          <p:cNvPicPr>
            <a:picLocks noChangeAspect="1"/>
          </p:cNvPicPr>
          <p:nvPr/>
        </p:nvPicPr>
        <p:blipFill>
          <a:blip r:embed="rId11"/>
          <a:stretch>
            <a:fillRect/>
          </a:stretch>
        </p:blipFill>
        <p:spPr>
          <a:xfrm>
            <a:off x="9885424" y="6437902"/>
            <a:ext cx="2043051" cy="279138"/>
          </a:xfrm>
          <a:prstGeom prst="rect">
            <a:avLst/>
          </a:prstGeom>
        </p:spPr>
      </p:pic>
      <p:sp>
        <p:nvSpPr>
          <p:cNvPr id="22" name="text"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32762CC2-8EE0-40A8-835F-9CB18A0C6D4E}"/>
              </a:ext>
            </a:extLst>
          </p:cNvPr>
          <p:cNvSpPr txBox="1"/>
          <p:nvPr/>
        </p:nvSpPr>
        <p:spPr bwMode="gray">
          <a:xfrm>
            <a:off x="1378800" y="6547975"/>
            <a:ext cx="2889921" cy="154949"/>
          </a:xfrm>
          <a:prstGeom prst="rect">
            <a:avLst/>
          </a:prstGeom>
          <a:noFill/>
          <a:ln>
            <a:noFill/>
          </a:ln>
        </p:spPr>
        <p:txBody>
          <a:bodyPr wrap="square" lIns="0" tIns="0" rIns="0" bIns="0" rtlCol="0" anchor="ctr">
            <a:noAutofit/>
          </a:bodyPr>
          <a:lstStyle/>
          <a:p>
            <a:pPr algn="l"/>
            <a:endParaRPr lang="pl-PL" sz="930" dirty="0">
              <a:solidFill>
                <a:schemeClr val="tx1"/>
              </a:solidFill>
            </a:endParaRPr>
          </a:p>
        </p:txBody>
      </p:sp>
      <p:sp>
        <p:nvSpPr>
          <p:cNvPr id="2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1797068F-6655-42CD-91C2-7587178A9DA8}"/>
              </a:ext>
            </a:extLst>
          </p:cNvPr>
          <p:cNvSpPr txBox="1"/>
          <p:nvPr userDrawn="1"/>
        </p:nvSpPr>
        <p:spPr bwMode="gray">
          <a:xfrm>
            <a:off x="5019686" y="6533724"/>
            <a:ext cx="2484000" cy="169200"/>
          </a:xfrm>
          <a:prstGeom prst="rect">
            <a:avLst/>
          </a:prstGeom>
          <a:noFill/>
          <a:ln>
            <a:noFill/>
          </a:ln>
        </p:spPr>
        <p:txBody>
          <a:bodyPr wrap="square" lIns="0" tIns="0" rIns="0" bIns="0" rtlCol="0" anchor="ctr">
            <a:noAutofit/>
          </a:bodyPr>
          <a:lstStyle/>
          <a:p>
            <a:pPr marL="0" marR="0" lvl="0" indent="0" algn="ctr"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
        <p:nvSpPr>
          <p:cNvPr id="29"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4D4B4AE7-3613-4477-AF37-E41677A9673E}"/>
              </a:ext>
            </a:extLst>
          </p:cNvPr>
          <p:cNvSpPr txBox="1"/>
          <p:nvPr userDrawn="1"/>
        </p:nvSpPr>
        <p:spPr bwMode="gray">
          <a:xfrm>
            <a:off x="4854000" y="6533724"/>
            <a:ext cx="2484000" cy="169200"/>
          </a:xfrm>
          <a:prstGeom prst="rect">
            <a:avLst/>
          </a:prstGeom>
          <a:noFill/>
          <a:ln>
            <a:noFill/>
          </a:ln>
        </p:spPr>
        <p:txBody>
          <a:bodyPr wrap="square" lIns="0" tIns="0" rIns="0" bIns="0" rtlCol="0" anchor="ctr">
            <a:noAutofit/>
          </a:bodyPr>
          <a:lstStyle/>
          <a:p>
            <a:pPr marL="0" marR="0" lvl="0" indent="0" algn="ctr"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72579475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No Title">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66400" y="6555600"/>
            <a:ext cx="8852400" cy="212400"/>
          </a:xfrm>
          <a:prstGeom prst="rect">
            <a:avLst/>
          </a:prstGeom>
        </p:spPr>
        <p:txBody>
          <a:bodyPr/>
          <a:lstStyle/>
          <a:p>
            <a:endParaRPr lang="en-US" dirty="0"/>
          </a:p>
        </p:txBody>
      </p:sp>
      <p:sp>
        <p:nvSpPr>
          <p:cNvPr id="6" name="Slide Number Placeholder 5">
            <a:extLst>
              <a:ext uri="{FF2B5EF4-FFF2-40B4-BE49-F238E27FC236}">
                <a16:creationId xmlns:a16="http://schemas.microsoft.com/office/drawing/2014/main" id="{2AB493A0-E0FD-46B3-8194-26DB435977E2}"/>
              </a:ext>
            </a:extLst>
          </p:cNvPr>
          <p:cNvSpPr>
            <a:spLocks noGrp="1"/>
          </p:cNvSpPr>
          <p:nvPr>
            <p:ph type="sldNum" sz="quarter" idx="12"/>
          </p:nvPr>
        </p:nvSpPr>
        <p:spPr>
          <a:xfrm>
            <a:off x="11415600" y="6555600"/>
            <a:ext cx="651600" cy="306000"/>
          </a:xfrm>
          <a:prstGeom prst="rect">
            <a:avLst/>
          </a:prstGeom>
        </p:spPr>
        <p:txBody>
          <a:bodyPr/>
          <a:lstStyle/>
          <a:p>
            <a:fld id="{C24EC536-6FE3-4540-8D85-74C58F0BF697}" type="slidenum">
              <a:rPr lang="en-US" smtClean="0"/>
              <a:t>‹#›</a:t>
            </a:fld>
            <a:endParaRPr lang="en-US" dirty="0"/>
          </a:p>
        </p:txBody>
      </p:sp>
      <p:sp>
        <p:nvSpPr>
          <p:cNvPr id="7" name="TextBox 6">
            <a:extLst>
              <a:ext uri="{FF2B5EF4-FFF2-40B4-BE49-F238E27FC236}">
                <a16:creationId xmlns:a16="http://schemas.microsoft.com/office/drawing/2014/main" id="{CF3CEB55-43B2-42DD-BF0B-B2695AECA814}"/>
              </a:ext>
            </a:extLst>
          </p:cNvPr>
          <p:cNvSpPr txBox="1"/>
          <p:nvPr userDrawn="1"/>
        </p:nvSpPr>
        <p:spPr>
          <a:xfrm>
            <a:off x="9390591" y="6398401"/>
            <a:ext cx="2166937" cy="247674"/>
          </a:xfrm>
          <a:prstGeom prst="rect">
            <a:avLst/>
          </a:prstGeom>
          <a:noFill/>
        </p:spPr>
        <p:txBody>
          <a:bodyPr wrap="square" lIns="0" tIns="0" rIns="0" bIns="0" rtlCol="0" anchor="ctr">
            <a:noAutofit/>
          </a:bodyPr>
          <a:lstStyle/>
          <a:p>
            <a:r>
              <a:rPr lang="en-US" sz="1170" b="1" dirty="0"/>
              <a:t>HITACHI ABB POWER GRIDS</a:t>
            </a:r>
          </a:p>
        </p:txBody>
      </p:sp>
    </p:spTree>
    <p:extLst>
      <p:ext uri="{BB962C8B-B14F-4D97-AF65-F5344CB8AC3E}">
        <p14:creationId xmlns:p14="http://schemas.microsoft.com/office/powerpoint/2010/main" val="95914276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0CF477D-6C63-4F4F-9AE3-EEDFA6E93E4A}"/>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Tree>
    <p:extLst>
      <p:ext uri="{BB962C8B-B14F-4D97-AF65-F5344CB8AC3E}">
        <p14:creationId xmlns:p14="http://schemas.microsoft.com/office/powerpoint/2010/main" val="426221390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776756" y="6555600"/>
            <a:ext cx="6342044" cy="212400"/>
          </a:xfrm>
          <a:prstGeom prst="rect">
            <a:avLst/>
          </a:prstGeom>
        </p:spPr>
        <p:txBody>
          <a:bodyPr/>
          <a:lstStyle/>
          <a:p>
            <a:endParaRPr lang="en-US" dirty="0"/>
          </a:p>
        </p:txBody>
      </p:sp>
      <p:sp>
        <p:nvSpPr>
          <p:cNvPr id="12" name="Content Placeholder 8">
            <a:extLst>
              <a:ext uri="{FF2B5EF4-FFF2-40B4-BE49-F238E27FC236}">
                <a16:creationId xmlns:a16="http://schemas.microsoft.com/office/drawing/2014/main" id="{6F615568-8BB1-4119-9F0E-EB669FFD48CE}"/>
              </a:ext>
            </a:extLst>
          </p:cNvPr>
          <p:cNvSpPr>
            <a:spLocks noGrp="1"/>
          </p:cNvSpPr>
          <p:nvPr>
            <p:ph sz="quarter" idx="21"/>
          </p:nvPr>
        </p:nvSpPr>
        <p:spPr bwMode="gray">
          <a:xfrm>
            <a:off x="263525" y="1484462"/>
            <a:ext cx="11664950" cy="4860776"/>
          </a:xfrm>
        </p:spPr>
        <p:txBody>
          <a:bodyPr lIns="0" tIns="0" r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Title 1">
            <a:extLst>
              <a:ext uri="{FF2B5EF4-FFF2-40B4-BE49-F238E27FC236}">
                <a16:creationId xmlns:a16="http://schemas.microsoft.com/office/drawing/2014/main" id="{2B33F7BB-2950-4BC1-A9AA-52FECA7F766E}"/>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Tree>
    <p:extLst>
      <p:ext uri="{BB962C8B-B14F-4D97-AF65-F5344CB8AC3E}">
        <p14:creationId xmlns:p14="http://schemas.microsoft.com/office/powerpoint/2010/main" val="170630529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ntent &amp; Box">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F54091EA-6C3E-4A95-92A1-B050758AD4C9}"/>
              </a:ext>
            </a:extLst>
          </p:cNvPr>
          <p:cNvSpPr>
            <a:spLocks noGrp="1"/>
          </p:cNvSpPr>
          <p:nvPr>
            <p:ph sz="quarter" idx="21"/>
          </p:nvPr>
        </p:nvSpPr>
        <p:spPr bwMode="gray">
          <a:xfrm>
            <a:off x="263525" y="1484462"/>
            <a:ext cx="11664950" cy="4110440"/>
          </a:xfrm>
        </p:spPr>
        <p:txBody>
          <a:bodyPr lIns="0" tIns="0" r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Text Placeholder 7">
            <a:extLst>
              <a:ext uri="{FF2B5EF4-FFF2-40B4-BE49-F238E27FC236}">
                <a16:creationId xmlns:a16="http://schemas.microsoft.com/office/drawing/2014/main" id="{742BE3E5-C35B-483A-9FF2-1492C28E74EC}"/>
              </a:ext>
            </a:extLst>
          </p:cNvPr>
          <p:cNvSpPr>
            <a:spLocks noGrp="1"/>
          </p:cNvSpPr>
          <p:nvPr>
            <p:ph type="body" sz="quarter" idx="29"/>
          </p:nvPr>
        </p:nvSpPr>
        <p:spPr bwMode="gray">
          <a:xfrm>
            <a:off x="0" y="5805264"/>
            <a:ext cx="12192000" cy="539974"/>
          </a:xfrm>
          <a:solidFill>
            <a:schemeClr val="accent6"/>
          </a:solidFill>
        </p:spPr>
        <p:txBody>
          <a:bodyPr lIns="252000" tIns="0" rIns="252000" anchor="ctr"/>
          <a:lstStyle>
            <a:lvl1pPr marL="0" indent="0" algn="ctr">
              <a:lnSpc>
                <a:spcPct val="100000"/>
              </a:lnSpc>
              <a:spcBef>
                <a:spcPts val="0"/>
              </a:spcBef>
              <a:buFont typeface="Arial" panose="020B0604020202020204" pitchFamily="34" charset="0"/>
              <a:buNone/>
              <a:defRPr sz="1600" b="1">
                <a:solidFill>
                  <a:schemeClr val="tx1"/>
                </a:solidFill>
              </a:defRPr>
            </a:lvl1pPr>
            <a:lvl2pPr marL="0" indent="0" algn="ctr">
              <a:lnSpc>
                <a:spcPct val="100000"/>
              </a:lnSpc>
              <a:spcBef>
                <a:spcPts val="0"/>
              </a:spcBef>
              <a:buNone/>
              <a:defRPr sz="1600" b="1">
                <a:solidFill>
                  <a:schemeClr val="tx1"/>
                </a:solidFill>
              </a:defRPr>
            </a:lvl2pPr>
            <a:lvl3pPr marL="0" indent="0" algn="ctr">
              <a:lnSpc>
                <a:spcPct val="100000"/>
              </a:lnSpc>
              <a:spcBef>
                <a:spcPts val="0"/>
              </a:spcBef>
              <a:buNone/>
              <a:defRPr sz="1600" b="1">
                <a:solidFill>
                  <a:schemeClr val="tx1"/>
                </a:solidFill>
              </a:defRPr>
            </a:lvl3pPr>
            <a:lvl4pPr marL="0" indent="0" algn="ctr">
              <a:lnSpc>
                <a:spcPct val="100000"/>
              </a:lnSpc>
              <a:spcBef>
                <a:spcPts val="0"/>
              </a:spcBef>
              <a:buNone/>
              <a:defRPr sz="1600" b="1">
                <a:solidFill>
                  <a:schemeClr val="tx1"/>
                </a:solidFill>
              </a:defRPr>
            </a:lvl4pPr>
            <a:lvl5pPr marL="0" indent="0" algn="ctr">
              <a:lnSpc>
                <a:spcPct val="100000"/>
              </a:lnSpc>
              <a:spcBef>
                <a:spcPts val="0"/>
              </a:spcBef>
              <a:buNone/>
              <a:defRPr sz="1600" b="1">
                <a:solidFill>
                  <a:schemeClr val="tx1"/>
                </a:solidFill>
              </a:defRPr>
            </a:lvl5pPr>
            <a:lvl6pPr marL="0" indent="0" algn="ctr">
              <a:spcBef>
                <a:spcPts val="0"/>
              </a:spcBef>
              <a:buNone/>
              <a:defRPr sz="1600" b="1">
                <a:solidFill>
                  <a:schemeClr val="bg1"/>
                </a:solidFill>
              </a:defRPr>
            </a:lvl6pPr>
            <a:lvl7pPr marL="0" indent="0" algn="ctr">
              <a:spcBef>
                <a:spcPts val="0"/>
              </a:spcBef>
              <a:buNone/>
              <a:defRPr sz="1600" b="1">
                <a:solidFill>
                  <a:schemeClr val="bg1"/>
                </a:solidFill>
              </a:defRPr>
            </a:lvl7pPr>
            <a:lvl8pPr marL="0" indent="0" algn="ctr">
              <a:spcBef>
                <a:spcPts val="0"/>
              </a:spcBef>
              <a:buNone/>
              <a:defRPr sz="1600" b="1">
                <a:solidFill>
                  <a:schemeClr val="bg1"/>
                </a:solidFill>
              </a:defRPr>
            </a:lvl8pPr>
            <a:lvl9pPr marL="0" indent="0" algn="ctr">
              <a:spcBef>
                <a:spcPts val="0"/>
              </a:spcBef>
              <a:buNone/>
              <a:defRPr sz="1600" b="1">
                <a:solidFill>
                  <a:schemeClr val="bg1"/>
                </a:solidFill>
              </a:defRPr>
            </a:lvl9pPr>
          </a:lstStyle>
          <a:p>
            <a:pPr lvl="0"/>
            <a:r>
              <a:rPr lang="en-US" dirty="0"/>
              <a:t>Click to edit Master text styles</a:t>
            </a:r>
          </a:p>
        </p:txBody>
      </p:sp>
      <p:sp>
        <p:nvSpPr>
          <p:cNvPr id="10" name="Title 1">
            <a:extLst>
              <a:ext uri="{FF2B5EF4-FFF2-40B4-BE49-F238E27FC236}">
                <a16:creationId xmlns:a16="http://schemas.microsoft.com/office/drawing/2014/main" id="{C2C57A89-9255-4D37-ADA0-58485848A937}"/>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Tree>
    <p:extLst>
      <p:ext uri="{BB962C8B-B14F-4D97-AF65-F5344CB8AC3E}">
        <p14:creationId xmlns:p14="http://schemas.microsoft.com/office/powerpoint/2010/main" val="427953853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mp;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A72A3F29-4CDD-42D0-8353-E11BF09712FC}"/>
              </a:ext>
            </a:extLst>
          </p:cNvPr>
          <p:cNvSpPr>
            <a:spLocks noGrp="1"/>
          </p:cNvSpPr>
          <p:nvPr>
            <p:ph type="ftr" sz="quarter" idx="11"/>
          </p:nvPr>
        </p:nvSpPr>
        <p:spPr>
          <a:xfrm>
            <a:off x="2835478" y="6555600"/>
            <a:ext cx="6283321" cy="212400"/>
          </a:xfrm>
          <a:prstGeom prst="rect">
            <a:avLst/>
          </a:prstGeom>
        </p:spPr>
        <p:txBody>
          <a:bodyPr/>
          <a:lstStyle/>
          <a:p>
            <a:endParaRPr lang="en-US" dirty="0"/>
          </a:p>
        </p:txBody>
      </p:sp>
      <p:sp>
        <p:nvSpPr>
          <p:cNvPr id="15" name="Text Placeholder 11">
            <a:extLst>
              <a:ext uri="{FF2B5EF4-FFF2-40B4-BE49-F238E27FC236}">
                <a16:creationId xmlns:a16="http://schemas.microsoft.com/office/drawing/2014/main" id="{FAC527E1-CBF6-43CE-BCF3-6359E433CFDE}"/>
              </a:ext>
            </a:extLst>
          </p:cNvPr>
          <p:cNvSpPr>
            <a:spLocks noGrp="1"/>
          </p:cNvSpPr>
          <p:nvPr>
            <p:ph type="body" sz="quarter" idx="30"/>
          </p:nvPr>
        </p:nvSpPr>
        <p:spPr bwMode="gray">
          <a:xfrm>
            <a:off x="263525" y="1473607"/>
            <a:ext cx="11664950" cy="252000"/>
          </a:xfrm>
        </p:spPr>
        <p:txBody>
          <a:bodyPr lIns="0" tIns="0" rIns="0" anchor="t"/>
          <a:lstStyle>
            <a:lvl1pPr marL="0" indent="0">
              <a:lnSpc>
                <a:spcPct val="100000"/>
              </a:lnSpc>
              <a:spcBef>
                <a:spcPts val="100"/>
              </a:spcBef>
              <a:buFont typeface="Arial" panose="020B0604020202020204" pitchFamily="34" charset="0"/>
              <a:buNone/>
              <a:defRPr sz="1600" b="1">
                <a:solidFill>
                  <a:schemeClr val="tx2"/>
                </a:solidFill>
              </a:defRPr>
            </a:lvl1pPr>
            <a:lvl2pPr marL="0" indent="0">
              <a:lnSpc>
                <a:spcPct val="100000"/>
              </a:lnSpc>
              <a:spcBef>
                <a:spcPts val="100"/>
              </a:spcBef>
              <a:buNone/>
              <a:defRPr sz="1600" b="1">
                <a:solidFill>
                  <a:schemeClr val="accent1"/>
                </a:solidFill>
              </a:defRPr>
            </a:lvl2pPr>
            <a:lvl3pPr marL="0" indent="0">
              <a:lnSpc>
                <a:spcPct val="100000"/>
              </a:lnSpc>
              <a:spcBef>
                <a:spcPts val="100"/>
              </a:spcBef>
              <a:buNone/>
              <a:defRPr sz="1600" b="1">
                <a:solidFill>
                  <a:schemeClr val="accent1"/>
                </a:solidFill>
              </a:defRPr>
            </a:lvl3pPr>
            <a:lvl4pPr marL="0" indent="0">
              <a:lnSpc>
                <a:spcPct val="100000"/>
              </a:lnSpc>
              <a:spcBef>
                <a:spcPts val="100"/>
              </a:spcBef>
              <a:buNone/>
              <a:defRPr sz="1600" b="1">
                <a:solidFill>
                  <a:schemeClr val="accent1"/>
                </a:solidFill>
              </a:defRPr>
            </a:lvl4pPr>
            <a:lvl5pPr marL="0" indent="0">
              <a:lnSpc>
                <a:spcPct val="100000"/>
              </a:lnSpc>
              <a:spcBef>
                <a:spcPts val="100"/>
              </a:spcBef>
              <a:buNone/>
              <a:defRPr sz="1600" b="1">
                <a:solidFill>
                  <a:schemeClr val="accent1"/>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dirty="0"/>
              <a:t>Click to edit Master text styles</a:t>
            </a:r>
          </a:p>
        </p:txBody>
      </p:sp>
      <p:sp>
        <p:nvSpPr>
          <p:cNvPr id="16" name="Content Placeholder 15">
            <a:extLst>
              <a:ext uri="{FF2B5EF4-FFF2-40B4-BE49-F238E27FC236}">
                <a16:creationId xmlns:a16="http://schemas.microsoft.com/office/drawing/2014/main" id="{6D6E47E2-CFF9-4929-BE9D-85365E9413F8}"/>
              </a:ext>
            </a:extLst>
          </p:cNvPr>
          <p:cNvSpPr>
            <a:spLocks noGrp="1"/>
          </p:cNvSpPr>
          <p:nvPr>
            <p:ph sz="quarter" idx="19"/>
          </p:nvPr>
        </p:nvSpPr>
        <p:spPr bwMode="gray">
          <a:xfrm>
            <a:off x="263525" y="1844826"/>
            <a:ext cx="11664950" cy="4500412"/>
          </a:xfrm>
        </p:spPr>
        <p:txBody>
          <a:bodyPr lIns="0" tIns="0" rIns="0" bIns="0"/>
          <a:lstStyle>
            <a:lvl1pPr>
              <a:lnSpc>
                <a:spcPct val="100000"/>
              </a:lnSpc>
              <a:spcBef>
                <a:spcPts val="600"/>
              </a:spcBef>
              <a:defRPr/>
            </a:lvl1pPr>
            <a:lvl2pPr>
              <a:lnSpc>
                <a:spcPct val="100000"/>
              </a:lnSpc>
              <a:spcBef>
                <a:spcPts val="600"/>
              </a:spcBef>
              <a:defRPr/>
            </a:lvl2pPr>
            <a:lvl3pPr>
              <a:lnSpc>
                <a:spcPct val="100000"/>
              </a:lnSpc>
              <a:spcBef>
                <a:spcPts val="600"/>
              </a:spcBef>
              <a:defRPr/>
            </a:lvl3pPr>
            <a:lvl4pPr>
              <a:lnSpc>
                <a:spcPct val="100000"/>
              </a:lnSpc>
              <a:spcBef>
                <a:spcPts val="600"/>
              </a:spcBef>
              <a:defRPr/>
            </a:lvl4pPr>
            <a:lvl5pPr>
              <a:lnSpc>
                <a:spcPct val="100000"/>
              </a:lnSpc>
              <a:spcBef>
                <a:spcPts val="6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Title 1">
            <a:extLst>
              <a:ext uri="{FF2B5EF4-FFF2-40B4-BE49-F238E27FC236}">
                <a16:creationId xmlns:a16="http://schemas.microsoft.com/office/drawing/2014/main" id="{3EB01191-2991-470F-8717-A3BD9DDF0C5F}"/>
              </a:ext>
            </a:extLst>
          </p:cNvPr>
          <p:cNvSpPr>
            <a:spLocks noGrp="1"/>
          </p:cNvSpPr>
          <p:nvPr>
            <p:ph type="title"/>
          </p:nvPr>
        </p:nvSpPr>
        <p:spPr>
          <a:xfrm>
            <a:off x="263524" y="187199"/>
            <a:ext cx="8856000" cy="435600"/>
          </a:xfrm>
        </p:spPr>
        <p:txBody>
          <a:bodyPr anchor="ctr">
            <a:noAutofit/>
          </a:bodyPr>
          <a:lstStyle>
            <a:lvl1pPr>
              <a:defRPr sz="2400"/>
            </a:lvl1pPr>
          </a:lstStyle>
          <a:p>
            <a:r>
              <a:rPr lang="en-US" dirty="0"/>
              <a:t>Click to edit Master title style</a:t>
            </a:r>
          </a:p>
        </p:txBody>
      </p:sp>
    </p:spTree>
    <p:extLst>
      <p:ext uri="{BB962C8B-B14F-4D97-AF65-F5344CB8AC3E}">
        <p14:creationId xmlns:p14="http://schemas.microsoft.com/office/powerpoint/2010/main" val="2615776727"/>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image" Target="../media/image2.emf"/><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4B857974-89ED-4489-9966-AE9110F9D24D}"/>
              </a:ext>
            </a:extLst>
          </p:cNvPr>
          <p:cNvSpPr>
            <a:spLocks noGrp="1"/>
          </p:cNvSpPr>
          <p:nvPr>
            <p:ph type="title"/>
          </p:nvPr>
        </p:nvSpPr>
        <p:spPr>
          <a:xfrm>
            <a:off x="263524" y="188120"/>
            <a:ext cx="8855276" cy="434004"/>
          </a:xfrm>
          <a:prstGeom prst="rect">
            <a:avLst/>
          </a:prstGeom>
        </p:spPr>
        <p:txBody>
          <a:bodyPr vert="horz" lIns="0" tIns="0" rIns="0" bIns="0" rtlCol="0" anchor="ctr">
            <a:noAutofit/>
          </a:bodyPr>
          <a:lstStyle/>
          <a:p>
            <a:r>
              <a:rPr lang="en-US" dirty="0"/>
              <a:t>Click to edit Master title style</a:t>
            </a:r>
          </a:p>
        </p:txBody>
      </p:sp>
      <p:sp>
        <p:nvSpPr>
          <p:cNvPr id="3" name="Text Placeholder 2">
            <a:extLst>
              <a:ext uri="{FF2B5EF4-FFF2-40B4-BE49-F238E27FC236}">
                <a16:creationId xmlns:a16="http://schemas.microsoft.com/office/drawing/2014/main" id="{22617D3C-37DD-4293-9541-6E35F5A62026}"/>
              </a:ext>
            </a:extLst>
          </p:cNvPr>
          <p:cNvSpPr>
            <a:spLocks noGrp="1"/>
          </p:cNvSpPr>
          <p:nvPr>
            <p:ph type="body" idx="1"/>
          </p:nvPr>
        </p:nvSpPr>
        <p:spPr>
          <a:xfrm>
            <a:off x="263525" y="1376363"/>
            <a:ext cx="11657546" cy="4968874"/>
          </a:xfrm>
          <a:prstGeom prst="rect">
            <a:avLst/>
          </a:prstGeom>
        </p:spPr>
        <p:txBody>
          <a:bodyPr vert="horz" lIns="0" tIns="10800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grpSp>
        <p:nvGrpSpPr>
          <p:cNvPr id="8" name="Group 7">
            <a:extLst>
              <a:ext uri="{FF2B5EF4-FFF2-40B4-BE49-F238E27FC236}">
                <a16:creationId xmlns:a16="http://schemas.microsoft.com/office/drawing/2014/main" id="{B2F1676B-D6EF-4BB4-B3EC-8C3F9C4B1B45}"/>
              </a:ext>
            </a:extLst>
          </p:cNvPr>
          <p:cNvGrpSpPr/>
          <p:nvPr userDrawn="1"/>
        </p:nvGrpSpPr>
        <p:grpSpPr>
          <a:xfrm>
            <a:off x="-3" y="794367"/>
            <a:ext cx="12192003" cy="88389"/>
            <a:chOff x="-3" y="794367"/>
            <a:chExt cx="12192003" cy="88389"/>
          </a:xfrm>
        </p:grpSpPr>
        <p:sp>
          <p:nvSpPr>
            <p:cNvPr id="9" name="正方形/長方形 11">
              <a:extLst>
                <a:ext uri="{FF2B5EF4-FFF2-40B4-BE49-F238E27FC236}">
                  <a16:creationId xmlns:a16="http://schemas.microsoft.com/office/drawing/2014/main" id="{1E48A1FD-7CC4-46D8-A2E1-6F03829DD1A3}"/>
                </a:ext>
              </a:extLst>
            </p:cNvPr>
            <p:cNvSpPr>
              <a:spLocks noChangeArrowheads="1"/>
            </p:cNvSpPr>
            <p:nvPr userDrawn="1"/>
          </p:nvSpPr>
          <p:spPr bwMode="gray">
            <a:xfrm>
              <a:off x="0" y="794367"/>
              <a:ext cx="12192000" cy="88389"/>
            </a:xfrm>
            <a:prstGeom prst="rect">
              <a:avLst/>
            </a:prstGeom>
            <a:solidFill>
              <a:srgbClr val="737373"/>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defRPr/>
              </a:pPr>
              <a:endParaRPr lang="en-US" altLang="ja-JP" sz="4623" dirty="0"/>
            </a:p>
          </p:txBody>
        </p:sp>
        <p:grpSp>
          <p:nvGrpSpPr>
            <p:cNvPr id="10" name="グループ化 62">
              <a:extLst>
                <a:ext uri="{FF2B5EF4-FFF2-40B4-BE49-F238E27FC236}">
                  <a16:creationId xmlns:a16="http://schemas.microsoft.com/office/drawing/2014/main" id="{96E01351-7416-453F-AE1B-1CD86204E758}"/>
                </a:ext>
              </a:extLst>
            </p:cNvPr>
            <p:cNvGrpSpPr/>
            <p:nvPr userDrawn="1"/>
          </p:nvGrpSpPr>
          <p:grpSpPr bwMode="gray">
            <a:xfrm>
              <a:off x="-3" y="794367"/>
              <a:ext cx="1757857" cy="88389"/>
              <a:chOff x="312738" y="2747963"/>
              <a:chExt cx="1970087" cy="109537"/>
            </a:xfrm>
          </p:grpSpPr>
          <p:sp>
            <p:nvSpPr>
              <p:cNvPr id="11" name="正方形/長方形 69">
                <a:extLst>
                  <a:ext uri="{FF2B5EF4-FFF2-40B4-BE49-F238E27FC236}">
                    <a16:creationId xmlns:a16="http://schemas.microsoft.com/office/drawing/2014/main" id="{9A85BBEC-5D35-4BF5-AE00-6E8C440A4B0F}"/>
                  </a:ext>
                </a:extLst>
              </p:cNvPr>
              <p:cNvSpPr/>
              <p:nvPr/>
            </p:nvSpPr>
            <p:spPr bwMode="gray">
              <a:xfrm>
                <a:off x="312738" y="2747963"/>
                <a:ext cx="1970087" cy="109537"/>
              </a:xfrm>
              <a:prstGeom prst="rect">
                <a:avLst/>
              </a:prstGeom>
              <a:solidFill>
                <a:srgbClr val="FF0026"/>
              </a:solidFill>
              <a:ln w="9525">
                <a:noFill/>
                <a:miter lim="800000"/>
                <a:headEnd/>
                <a:tailEnd/>
              </a:ln>
              <a:effectLst/>
            </p:spPr>
            <p:txBody>
              <a:bodyPr wrap="none" anchor="ctr"/>
              <a:lstStyle/>
              <a:p>
                <a:pPr fontAlgn="auto">
                  <a:spcBef>
                    <a:spcPts val="0"/>
                  </a:spcBef>
                  <a:spcAft>
                    <a:spcPts val="0"/>
                  </a:spcAft>
                  <a:defRPr/>
                </a:pPr>
                <a:endParaRPr kumimoji="0" lang="en-US" altLang="ja-JP" sz="2400" kern="0" dirty="0">
                  <a:solidFill>
                    <a:sysClr val="windowText" lastClr="000000"/>
                  </a:solidFill>
                </a:endParaRPr>
              </a:p>
            </p:txBody>
          </p:sp>
          <p:sp>
            <p:nvSpPr>
              <p:cNvPr id="12" name="正方形/長方形 70">
                <a:extLst>
                  <a:ext uri="{FF2B5EF4-FFF2-40B4-BE49-F238E27FC236}">
                    <a16:creationId xmlns:a16="http://schemas.microsoft.com/office/drawing/2014/main" id="{6E132C21-2E20-429A-B4D8-7A0170B79AFF}"/>
                  </a:ext>
                </a:extLst>
              </p:cNvPr>
              <p:cNvSpPr/>
              <p:nvPr/>
            </p:nvSpPr>
            <p:spPr bwMode="gray">
              <a:xfrm>
                <a:off x="312738" y="2747963"/>
                <a:ext cx="985837" cy="109537"/>
              </a:xfrm>
              <a:prstGeom prst="rect">
                <a:avLst/>
              </a:prstGeom>
              <a:solidFill>
                <a:srgbClr val="B3B3B3"/>
              </a:solidFill>
              <a:ln w="9525">
                <a:noFill/>
                <a:miter lim="800000"/>
                <a:headEnd/>
                <a:tailEnd/>
              </a:ln>
              <a:effectLst/>
            </p:spPr>
            <p:txBody>
              <a:bodyPr wrap="none" anchor="ctr"/>
              <a:lstStyle/>
              <a:p>
                <a:pPr algn="l" fontAlgn="auto">
                  <a:spcBef>
                    <a:spcPts val="0"/>
                  </a:spcBef>
                  <a:spcAft>
                    <a:spcPts val="0"/>
                  </a:spcAft>
                  <a:defRPr/>
                </a:pPr>
                <a:endParaRPr kumimoji="0" lang="en-US" altLang="ja-JP" sz="2400" kern="0" dirty="0">
                  <a:solidFill>
                    <a:sysClr val="windowText" lastClr="000000"/>
                  </a:solidFill>
                </a:endParaRPr>
              </a:p>
            </p:txBody>
          </p:sp>
        </p:grpSp>
      </p:grpSp>
      <p:sp>
        <p:nvSpPr>
          <p:cNvPr id="26" name="Footer Placeholder 4">
            <a:extLst>
              <a:ext uri="{FF2B5EF4-FFF2-40B4-BE49-F238E27FC236}">
                <a16:creationId xmlns:a16="http://schemas.microsoft.com/office/drawing/2014/main" id="{DB1F0B32-374F-4B51-9AA3-5F551B2F644F}"/>
              </a:ext>
            </a:extLst>
          </p:cNvPr>
          <p:cNvSpPr>
            <a:spLocks noGrp="1"/>
          </p:cNvSpPr>
          <p:nvPr>
            <p:ph type="ftr" sz="quarter" idx="3"/>
          </p:nvPr>
        </p:nvSpPr>
        <p:spPr>
          <a:xfrm>
            <a:off x="3254928" y="6515788"/>
            <a:ext cx="5863872" cy="212400"/>
          </a:xfrm>
          <a:prstGeom prst="rect">
            <a:avLst/>
          </a:prstGeom>
        </p:spPr>
        <p:txBody>
          <a:bodyPr vert="horz" lIns="0" tIns="0" rIns="0" bIns="0" rtlCol="0" anchor="b"/>
          <a:lstStyle>
            <a:lvl1pPr algn="l">
              <a:defRPr sz="800">
                <a:solidFill>
                  <a:schemeClr val="accent4"/>
                </a:solidFill>
              </a:defRPr>
            </a:lvl1pPr>
          </a:lstStyle>
          <a:p>
            <a:endParaRPr lang="en-US" dirty="0"/>
          </a:p>
        </p:txBody>
      </p:sp>
      <p:sp>
        <p:nvSpPr>
          <p:cNvPr id="5"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A1096FB2-55CC-4081-8128-E81939554EB4}"/>
              </a:ext>
            </a:extLst>
          </p:cNvPr>
          <p:cNvSpPr txBox="1"/>
          <p:nvPr userDrawn="1"/>
        </p:nvSpPr>
        <p:spPr bwMode="gray">
          <a:xfrm>
            <a:off x="677854" y="6509772"/>
            <a:ext cx="2160000" cy="224432"/>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US" sz="730" b="0" i="0" u="none" strike="noStrike" kern="1200" cap="none" spc="0" normalizeH="0" baseline="0" noProof="0" dirty="0">
              <a:ln>
                <a:noFill/>
              </a:ln>
              <a:solidFill>
                <a:schemeClr val="tx1"/>
              </a:solidFill>
              <a:effectLst/>
              <a:uLnTx/>
              <a:uFillTx/>
              <a:latin typeface="+mn-lt"/>
              <a:ea typeface="+mn-ea"/>
              <a:cs typeface="+mn-cs"/>
            </a:endParaRPr>
          </a:p>
        </p:txBody>
      </p:sp>
      <p:pic>
        <p:nvPicPr>
          <p:cNvPr id="13" name="Picture 12">
            <a:extLst>
              <a:ext uri="{FF2B5EF4-FFF2-40B4-BE49-F238E27FC236}">
                <a16:creationId xmlns:a16="http://schemas.microsoft.com/office/drawing/2014/main" id="{A2590DB2-8F96-4C14-B4BC-65351BD8DFB6}"/>
              </a:ext>
            </a:extLst>
          </p:cNvPr>
          <p:cNvPicPr>
            <a:picLocks noChangeAspect="1"/>
          </p:cNvPicPr>
          <p:nvPr userDrawn="1"/>
        </p:nvPicPr>
        <p:blipFill>
          <a:blip r:embed="rId43" cstate="screen">
            <a:extLst>
              <a:ext uri="{28A0092B-C50C-407E-A947-70E740481C1C}">
                <a14:useLocalDpi xmlns:a14="http://schemas.microsoft.com/office/drawing/2010/main"/>
              </a:ext>
            </a:extLst>
          </a:blip>
          <a:stretch>
            <a:fillRect/>
          </a:stretch>
        </p:blipFill>
        <p:spPr>
          <a:xfrm>
            <a:off x="10631711" y="6522741"/>
            <a:ext cx="1289360" cy="176163"/>
          </a:xfrm>
          <a:prstGeom prst="rect">
            <a:avLst/>
          </a:prstGeom>
        </p:spPr>
      </p:pic>
      <p:pic>
        <p:nvPicPr>
          <p:cNvPr id="15" name="Picture 14">
            <a:extLst>
              <a:ext uri="{FF2B5EF4-FFF2-40B4-BE49-F238E27FC236}">
                <a16:creationId xmlns:a16="http://schemas.microsoft.com/office/drawing/2014/main" id="{2855A00D-52F0-4319-85D9-49B0AFEE1F78}"/>
              </a:ext>
            </a:extLst>
          </p:cNvPr>
          <p:cNvPicPr>
            <a:picLocks noChangeAspect="1"/>
          </p:cNvPicPr>
          <p:nvPr userDrawn="1"/>
        </p:nvPicPr>
        <p:blipFill>
          <a:blip r:embed="rId44" cstate="screen">
            <a:extLst>
              <a:ext uri="{28A0092B-C50C-407E-A947-70E740481C1C}">
                <a14:useLocalDpi xmlns:a14="http://schemas.microsoft.com/office/drawing/2010/main"/>
              </a:ext>
            </a:extLst>
          </a:blip>
          <a:stretch>
            <a:fillRect/>
          </a:stretch>
        </p:blipFill>
        <p:spPr>
          <a:xfrm>
            <a:off x="10795000" y="266582"/>
            <a:ext cx="1133476" cy="323320"/>
          </a:xfrm>
          <a:prstGeom prst="rect">
            <a:avLst/>
          </a:prstGeom>
        </p:spPr>
      </p:pic>
      <p:sp>
        <p:nvSpPr>
          <p:cNvPr id="16" name="Slide Number Placeholder 5">
            <a:extLst>
              <a:ext uri="{FF2B5EF4-FFF2-40B4-BE49-F238E27FC236}">
                <a16:creationId xmlns:a16="http://schemas.microsoft.com/office/drawing/2014/main" id="{00306B65-4A61-45B1-A242-0D2963223B49}"/>
              </a:ext>
            </a:extLst>
          </p:cNvPr>
          <p:cNvSpPr txBox="1">
            <a:spLocks/>
          </p:cNvSpPr>
          <p:nvPr userDrawn="1"/>
        </p:nvSpPr>
        <p:spPr>
          <a:xfrm>
            <a:off x="265236" y="6470788"/>
            <a:ext cx="302400" cy="302400"/>
          </a:xfrm>
          <a:prstGeom prst="rect">
            <a:avLst/>
          </a:prstGeom>
        </p:spPr>
        <p:txBody>
          <a:bodyPr vert="horz" lIns="0" tIns="0" rIns="0" bIns="0" rtlCol="0" anchor="ctr"/>
          <a:lstStyle>
            <a:defPPr>
              <a:defRPr lang="en-US"/>
            </a:defPPr>
            <a:lvl1pPr marL="0" algn="l" defTabSz="914400" rtl="0" eaLnBrk="1" latinLnBrk="0" hangingPunct="1">
              <a:defRPr sz="9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C24EC536-6FE3-4540-8D85-74C58F0BF697}" type="slidenum">
              <a:rPr lang="en-US" smtClean="0"/>
              <a:pPr/>
              <a:t>‹#›</a:t>
            </a:fld>
            <a:endParaRPr lang="en-US" dirty="0"/>
          </a:p>
        </p:txBody>
      </p:sp>
      <p:sp>
        <p:nvSpPr>
          <p:cNvPr id="1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4AB37862-5E0C-43CE-830D-D32571EB5E7E}"/>
              </a:ext>
            </a:extLst>
          </p:cNvPr>
          <p:cNvSpPr txBox="1"/>
          <p:nvPr userDrawn="1"/>
        </p:nvSpPr>
        <p:spPr bwMode="gray">
          <a:xfrm>
            <a:off x="562391" y="6533724"/>
            <a:ext cx="2484000" cy="169200"/>
          </a:xfrm>
          <a:prstGeom prst="rect">
            <a:avLst/>
          </a:prstGeom>
          <a:noFill/>
          <a:ln>
            <a:noFill/>
          </a:ln>
        </p:spPr>
        <p:txBody>
          <a:bodyPr wrap="square" lIns="0" tIns="0" rIns="0" bIns="0" rtlCol="0" anchor="ctr">
            <a:noAutofit/>
          </a:bodyPr>
          <a:lstStyle/>
          <a:p>
            <a:pPr marL="0" marR="0" lvl="0" indent="0" algn="ctr"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Tree>
    <p:extLst>
      <p:ext uri="{BB962C8B-B14F-4D97-AF65-F5344CB8AC3E}">
        <p14:creationId xmlns:p14="http://schemas.microsoft.com/office/powerpoint/2010/main" val="4215938510"/>
      </p:ext>
    </p:extLst>
  </p:cSld>
  <p:clrMap bg1="lt1" tx1="dk1" bg2="lt2" tx2="dk2" accent1="accent1" accent2="accent2" accent3="accent3" accent4="accent4" accent5="accent5" accent6="accent6" hlink="hlink" folHlink="folHlink"/>
  <p:sldLayoutIdLst>
    <p:sldLayoutId id="2147483707" r:id="rId1"/>
    <p:sldLayoutId id="2147483664" r:id="rId2"/>
    <p:sldLayoutId id="2147483663" r:id="rId3"/>
    <p:sldLayoutId id="2147483665" r:id="rId4"/>
    <p:sldLayoutId id="2147483708" r:id="rId5"/>
    <p:sldLayoutId id="2147483713" r:id="rId6"/>
    <p:sldLayoutId id="2147483650" r:id="rId7"/>
    <p:sldLayoutId id="2147483666" r:id="rId8"/>
    <p:sldLayoutId id="2147483685" r:id="rId9"/>
    <p:sldLayoutId id="2147483709" r:id="rId10"/>
    <p:sldLayoutId id="2147483667" r:id="rId11"/>
    <p:sldLayoutId id="2147483668" r:id="rId12"/>
    <p:sldLayoutId id="2147483701" r:id="rId13"/>
    <p:sldLayoutId id="2147483702" r:id="rId14"/>
    <p:sldLayoutId id="2147483675" r:id="rId15"/>
    <p:sldLayoutId id="2147483676" r:id="rId16"/>
    <p:sldLayoutId id="2147483686" r:id="rId17"/>
    <p:sldLayoutId id="2147483687" r:id="rId18"/>
    <p:sldLayoutId id="2147483671" r:id="rId19"/>
    <p:sldLayoutId id="2147483672" r:id="rId20"/>
    <p:sldLayoutId id="2147483696" r:id="rId21"/>
    <p:sldLayoutId id="2147483697" r:id="rId22"/>
    <p:sldLayoutId id="2147483681" r:id="rId23"/>
    <p:sldLayoutId id="2147483684" r:id="rId24"/>
    <p:sldLayoutId id="2147483688" r:id="rId25"/>
    <p:sldLayoutId id="2147483689" r:id="rId26"/>
    <p:sldLayoutId id="2147483694" r:id="rId27"/>
    <p:sldLayoutId id="2147483695" r:id="rId28"/>
    <p:sldLayoutId id="2147483690" r:id="rId29"/>
    <p:sldLayoutId id="2147483691" r:id="rId30"/>
    <p:sldLayoutId id="2147483693" r:id="rId31"/>
    <p:sldLayoutId id="2147483698" r:id="rId32"/>
    <p:sldLayoutId id="2147483711" r:id="rId33"/>
    <p:sldLayoutId id="2147483712" r:id="rId34"/>
    <p:sldLayoutId id="2147483699" r:id="rId35"/>
    <p:sldLayoutId id="2147483700" r:id="rId36"/>
    <p:sldLayoutId id="2147483710" r:id="rId37"/>
    <p:sldLayoutId id="2147483704" r:id="rId38"/>
    <p:sldLayoutId id="2147483714" r:id="rId39"/>
    <p:sldLayoutId id="2147483715" r:id="rId40"/>
    <p:sldLayoutId id="2147483719" r:id="rId41"/>
  </p:sldLayoutIdLst>
  <p:hf hdr="0" dt="0"/>
  <p:txStyles>
    <p:titleStyle>
      <a:lvl1pPr algn="l" defTabSz="914400" rtl="0" eaLnBrk="1" latinLnBrk="0" hangingPunct="1">
        <a:lnSpc>
          <a:spcPct val="95000"/>
        </a:lnSpc>
        <a:spcBef>
          <a:spcPct val="0"/>
        </a:spcBef>
        <a:buNone/>
        <a:defRPr sz="2400" b="0" kern="1200">
          <a:solidFill>
            <a:schemeClr val="tx1"/>
          </a:solidFill>
          <a:latin typeface="+mj-lt"/>
          <a:ea typeface="+mj-ea"/>
          <a:cs typeface="+mj-cs"/>
        </a:defRPr>
      </a:lvl1pPr>
    </p:titleStyle>
    <p:bodyStyle>
      <a:lvl1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1pPr>
      <a:lvl2pPr marL="180975"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2pPr>
      <a:lvl3pPr marL="36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4pPr>
      <a:lvl5pPr marL="180000" indent="-180975"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5pPr>
      <a:lvl6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a:solidFill>
            <a:schemeClr val="tx1"/>
          </a:solidFill>
          <a:latin typeface="+mn-lt"/>
          <a:ea typeface="+mn-ea"/>
          <a:cs typeface="+mn-cs"/>
        </a:defRPr>
      </a:lvl6pPr>
      <a:lvl7pPr marL="0" indent="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7pPr>
      <a:lvl8pPr marL="18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8pPr>
      <a:lvl9pPr marL="360000" indent="-180000" algn="l" defTabSz="914400" rtl="0" eaLnBrk="1" latinLnBrk="0" hangingPunct="1">
        <a:lnSpc>
          <a:spcPct val="100000"/>
        </a:lnSpc>
        <a:spcBef>
          <a:spcPts val="600"/>
        </a:spcBef>
        <a:buFont typeface="Arial" panose="020B0604020202020204" pitchFamily="34" charset="0"/>
        <a:buChar char="•"/>
        <a:defRPr sz="1400" kern="1200">
          <a:solidFill>
            <a:schemeClr val="tx1"/>
          </a:solidFill>
          <a:latin typeface="+mn-lt"/>
          <a:ea typeface="+mn-ea"/>
          <a:cs typeface="+mn-cs"/>
        </a:defRPr>
      </a:lvl9pPr>
    </p:bodyStyle>
    <p:otherStyle>
      <a:defPPr>
        <a:defRPr lang="en-US"/>
      </a:defPPr>
      <a:lvl1pPr marL="12000" algn="l" defTabSz="3175" rtl="0" eaLnBrk="1" latinLnBrk="0" hangingPunct="1">
        <a:defRPr sz="1200" b="1" kern="1200">
          <a:solidFill>
            <a:schemeClr val="tx1"/>
          </a:solidFill>
          <a:latin typeface="+mn-lt"/>
          <a:ea typeface="+mn-ea"/>
          <a:cs typeface="+mn-cs"/>
        </a:defRPr>
      </a:lvl1pPr>
      <a:lvl2pPr marL="3175" algn="l" defTabSz="3175" rtl="0" eaLnBrk="1" latinLnBrk="0" hangingPunct="1">
        <a:defRPr sz="1100" kern="1200">
          <a:solidFill>
            <a:schemeClr val="tx1"/>
          </a:solidFill>
          <a:latin typeface="+mn-lt"/>
          <a:ea typeface="+mn-ea"/>
          <a:cs typeface="+mn-cs"/>
        </a:defRPr>
      </a:lvl2pPr>
      <a:lvl3pPr marL="3175" algn="l" defTabSz="3175" rtl="0" eaLnBrk="1" latinLnBrk="0" hangingPunct="1">
        <a:defRPr sz="1100" kern="1200">
          <a:solidFill>
            <a:schemeClr val="tx1"/>
          </a:solidFill>
          <a:latin typeface="+mn-lt"/>
          <a:ea typeface="+mn-ea"/>
          <a:cs typeface="+mn-cs"/>
        </a:defRPr>
      </a:lvl3pPr>
      <a:lvl4pPr marL="3175" algn="l" defTabSz="3175" rtl="0" eaLnBrk="1" latinLnBrk="0" hangingPunct="1">
        <a:defRPr sz="1100" kern="1200">
          <a:solidFill>
            <a:schemeClr val="tx1"/>
          </a:solidFill>
          <a:latin typeface="+mn-lt"/>
          <a:ea typeface="+mn-ea"/>
          <a:cs typeface="+mn-cs"/>
        </a:defRPr>
      </a:lvl4pPr>
      <a:lvl5pPr marL="3175" algn="l" defTabSz="3175" rtl="0" eaLnBrk="1" latinLnBrk="0" hangingPunct="1">
        <a:defRPr sz="1100" kern="1200">
          <a:solidFill>
            <a:schemeClr val="tx1"/>
          </a:solidFill>
          <a:latin typeface="+mn-lt"/>
          <a:ea typeface="+mn-ea"/>
          <a:cs typeface="+mn-cs"/>
        </a:defRPr>
      </a:lvl5pPr>
      <a:lvl6pPr marL="3175" algn="l" defTabSz="3175" rtl="0" eaLnBrk="1" latinLnBrk="0" hangingPunct="1">
        <a:defRPr sz="1100" kern="1200">
          <a:solidFill>
            <a:schemeClr val="tx1"/>
          </a:solidFill>
          <a:latin typeface="+mn-lt"/>
          <a:ea typeface="+mn-ea"/>
          <a:cs typeface="+mn-cs"/>
        </a:defRPr>
      </a:lvl6pPr>
      <a:lvl7pPr marL="3175" algn="l" defTabSz="3175" rtl="0" eaLnBrk="1" latinLnBrk="0" hangingPunct="1">
        <a:defRPr sz="1100" kern="1200">
          <a:solidFill>
            <a:schemeClr val="tx1"/>
          </a:solidFill>
          <a:latin typeface="+mn-lt"/>
          <a:ea typeface="+mn-ea"/>
          <a:cs typeface="+mn-cs"/>
        </a:defRPr>
      </a:lvl7pPr>
      <a:lvl8pPr marL="3175" algn="l" defTabSz="3175" rtl="0" eaLnBrk="1" latinLnBrk="0" hangingPunct="1">
        <a:defRPr sz="1100" kern="1200">
          <a:solidFill>
            <a:schemeClr val="tx1"/>
          </a:solidFill>
          <a:latin typeface="+mn-lt"/>
          <a:ea typeface="+mn-ea"/>
          <a:cs typeface="+mn-cs"/>
        </a:defRPr>
      </a:lvl8pPr>
      <a:lvl9pPr marL="3175" algn="l" defTabSz="3175" rtl="0" eaLnBrk="1" latinLnBrk="0" hangingPunct="1">
        <a:defRPr sz="11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166" userDrawn="1">
          <p15:clr>
            <a:srgbClr val="F26B43"/>
          </p15:clr>
        </p15:guide>
        <p15:guide id="2" pos="7514" userDrawn="1">
          <p15:clr>
            <a:srgbClr val="F26B43"/>
          </p15:clr>
        </p15:guide>
        <p15:guide id="3" orient="horz" pos="709" userDrawn="1">
          <p15:clr>
            <a:srgbClr val="F26B43"/>
          </p15:clr>
        </p15:guide>
        <p15:guide id="4" orient="horz" pos="3997" userDrawn="1">
          <p15:clr>
            <a:srgbClr val="F26B43"/>
          </p15:clr>
        </p15:guide>
        <p15:guide id="5" pos="3840" userDrawn="1">
          <p15:clr>
            <a:srgbClr val="F26B43"/>
          </p15:clr>
        </p15:guide>
        <p15:guide id="6" orient="horz" pos="2364" userDrawn="1">
          <p15:clr>
            <a:srgbClr val="F26B43"/>
          </p15:clr>
        </p15:guide>
        <p15:guide id="7" orient="horz" pos="1321" userDrawn="1">
          <p15:clr>
            <a:srgbClr val="A4A3A4"/>
          </p15:clr>
        </p15:guide>
        <p15:guide id="8" orient="horz" pos="867"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41.xml"/><Relationship Id="rId2" Type="http://schemas.openxmlformats.org/officeDocument/2006/relationships/customXml" Target="../../customXml/item3.xml"/><Relationship Id="rId1" Type="http://schemas.openxmlformats.org/officeDocument/2006/relationships/customXml" Target="../../customXml/item9.xml"/><Relationship Id="rId4" Type="http://schemas.openxmlformats.org/officeDocument/2006/relationships/image" Target="../media/image26.jpg"/></Relationships>
</file>

<file path=ppt/slides/_rels/slide10.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notesSlide" Target="../notesSlides/notesSlide7.xml"/><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3" Type="http://schemas.openxmlformats.org/officeDocument/2006/relationships/chart" Target="../charts/chart8.xml"/><Relationship Id="rId2" Type="http://schemas.openxmlformats.org/officeDocument/2006/relationships/notesSlide" Target="../notesSlides/notesSlide8.xml"/><Relationship Id="rId1"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8.xml"/></Relationships>
</file>

<file path=ppt/slides/_rels/slide2.xml.rels><?xml version="1.0" encoding="UTF-8" standalone="yes"?>
<Relationships xmlns="http://schemas.openxmlformats.org/package/2006/relationships"><Relationship Id="rId8" Type="http://schemas.openxmlformats.org/officeDocument/2006/relationships/image" Target="../media/image33.svg"/><Relationship Id="rId3" Type="http://schemas.openxmlformats.org/officeDocument/2006/relationships/image" Target="../media/image28.png"/><Relationship Id="rId7" Type="http://schemas.openxmlformats.org/officeDocument/2006/relationships/image" Target="../media/image32.png"/><Relationship Id="rId12" Type="http://schemas.openxmlformats.org/officeDocument/2006/relationships/image" Target="../media/image37.svg"/><Relationship Id="rId2" Type="http://schemas.openxmlformats.org/officeDocument/2006/relationships/notesSlide" Target="../notesSlides/notesSlide1.xml"/><Relationship Id="rId1" Type="http://schemas.openxmlformats.org/officeDocument/2006/relationships/slideLayout" Target="../slideLayouts/slideLayout7.xml"/><Relationship Id="rId6" Type="http://schemas.openxmlformats.org/officeDocument/2006/relationships/image" Target="../media/image31.svg"/><Relationship Id="rId11" Type="http://schemas.openxmlformats.org/officeDocument/2006/relationships/image" Target="../media/image36.png"/><Relationship Id="rId5" Type="http://schemas.openxmlformats.org/officeDocument/2006/relationships/image" Target="../media/image30.png"/><Relationship Id="rId10" Type="http://schemas.openxmlformats.org/officeDocument/2006/relationships/image" Target="../media/image35.svg"/><Relationship Id="rId4" Type="http://schemas.openxmlformats.org/officeDocument/2006/relationships/image" Target="../media/image29.png"/><Relationship Id="rId9" Type="http://schemas.openxmlformats.org/officeDocument/2006/relationships/image" Target="../media/image34.png"/></Relationships>
</file>

<file path=ppt/slides/_rels/slide3.xml.rels><?xml version="1.0" encoding="UTF-8" standalone="yes"?>
<Relationships xmlns="http://schemas.openxmlformats.org/package/2006/relationships"><Relationship Id="rId2" Type="http://schemas.openxmlformats.org/officeDocument/2006/relationships/image" Target="../media/image38.gif"/><Relationship Id="rId1" Type="http://schemas.openxmlformats.org/officeDocument/2006/relationships/slideLayout" Target="../slideLayouts/slideLayout3.xml"/></Relationships>
</file>

<file path=ppt/slides/_rels/slide4.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2.xml"/><Relationship Id="rId1" Type="http://schemas.openxmlformats.org/officeDocument/2006/relationships/slideLayout" Target="../slideLayouts/slideLayout7.xml"/></Relationships>
</file>

<file path=ppt/slides/_rels/slide5.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3.xml"/><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4.xml"/><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2" Type="http://schemas.openxmlformats.org/officeDocument/2006/relationships/chart" Target="../charts/chart4.xml"/><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notesSlide" Target="../notesSlides/notesSlide5.xml"/><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3" Type="http://schemas.openxmlformats.org/officeDocument/2006/relationships/chart" Target="../charts/chart6.xml"/><Relationship Id="rId2" Type="http://schemas.openxmlformats.org/officeDocument/2006/relationships/notesSlide" Target="../notesSlides/notesSlide6.xml"/><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9" name="Picture Placeholder 18">
            <a:extLst>
              <a:ext uri="{FF2B5EF4-FFF2-40B4-BE49-F238E27FC236}">
                <a16:creationId xmlns:a16="http://schemas.microsoft.com/office/drawing/2014/main" id="{2FBDC6DB-95FE-481E-A912-ABE1B09D7A7C}"/>
              </a:ext>
            </a:extLst>
          </p:cNvPr>
          <p:cNvPicPr>
            <a:picLocks noGrp="1" noChangeAspect="1"/>
          </p:cNvPicPr>
          <p:nvPr>
            <p:ph type="pic" sz="quarter" idx="14"/>
          </p:nvPr>
        </p:nvPicPr>
        <p:blipFill rotWithShape="1">
          <a:blip r:embed="rId4">
            <a:extLst>
              <a:ext uri="{28A0092B-C50C-407E-A947-70E740481C1C}">
                <a14:useLocalDpi xmlns:a14="http://schemas.microsoft.com/office/drawing/2010/main" val="0"/>
              </a:ext>
            </a:extLst>
          </a:blip>
          <a:srcRect l="22" r="22"/>
          <a:stretch/>
        </p:blipFill>
        <p:spPr/>
      </p:pic>
      <p:sp>
        <p:nvSpPr>
          <p:cNvPr id="3" name="Footer Placeholder 2">
            <a:extLst>
              <a:ext uri="{FF2B5EF4-FFF2-40B4-BE49-F238E27FC236}">
                <a16:creationId xmlns:a16="http://schemas.microsoft.com/office/drawing/2014/main" id="{E9C95623-F3AC-4B82-A638-C26619CAE625}"/>
              </a:ext>
            </a:extLst>
          </p:cNvPr>
          <p:cNvSpPr>
            <a:spLocks noGrp="1"/>
          </p:cNvSpPr>
          <p:nvPr>
            <p:ph type="ftr" sz="quarter" idx="11"/>
          </p:nvPr>
        </p:nvSpPr>
        <p:spPr/>
        <p:txBody>
          <a:bodyPr/>
          <a:lstStyle/>
          <a:p>
            <a:endParaRPr lang="en-US" dirty="0"/>
          </a:p>
        </p:txBody>
      </p:sp>
      <p:sp>
        <p:nvSpPr>
          <p:cNvPr id="4" name="Slide Number Placeholder 3">
            <a:extLst>
              <a:ext uri="{FF2B5EF4-FFF2-40B4-BE49-F238E27FC236}">
                <a16:creationId xmlns:a16="http://schemas.microsoft.com/office/drawing/2014/main" id="{D09FE57B-E945-47AE-A02B-1823B241F704}"/>
              </a:ext>
            </a:extLst>
          </p:cNvPr>
          <p:cNvSpPr>
            <a:spLocks noGrp="1"/>
          </p:cNvSpPr>
          <p:nvPr>
            <p:ph type="sldNum" sz="quarter" idx="12"/>
          </p:nvPr>
        </p:nvSpPr>
        <p:spPr/>
        <p:txBody>
          <a:bodyPr/>
          <a:lstStyle/>
          <a:p>
            <a:fld id="{C24EC536-6FE3-4540-8D85-74C58F0BF697}" type="slidenum">
              <a:rPr lang="en-US" smtClean="0"/>
              <a:pPr/>
              <a:t>1</a:t>
            </a:fld>
            <a:endParaRPr lang="en-US" dirty="0"/>
          </a:p>
        </p:txBody>
      </p:sp>
      <p:sp>
        <p:nvSpPr>
          <p:cNvPr id="2" name="TextBox 1">
            <a:extLst>
              <a:ext uri="{FF2B5EF4-FFF2-40B4-BE49-F238E27FC236}">
                <a16:creationId xmlns:a16="http://schemas.microsoft.com/office/drawing/2014/main" id="{F2FF1BC1-1298-46FE-A995-CC527A198BB0}"/>
              </a:ext>
            </a:extLst>
          </p:cNvPr>
          <p:cNvSpPr txBox="1"/>
          <p:nvPr/>
        </p:nvSpPr>
        <p:spPr>
          <a:xfrm>
            <a:off x="1375794" y="5050171"/>
            <a:ext cx="10570129" cy="769183"/>
          </a:xfrm>
          <a:prstGeom prst="rect">
            <a:avLst/>
          </a:prstGeom>
          <a:noFill/>
        </p:spPr>
        <p:txBody>
          <a:bodyPr vert="horz" wrap="square" lIns="0" tIns="0" rIns="0" bIns="0" rtlCol="0" anchor="t">
            <a:noAutofit/>
          </a:bodyPr>
          <a:lstStyle/>
          <a:p>
            <a:pPr algn="l"/>
            <a:r>
              <a:rPr lang="en-GB" sz="2800" b="1" dirty="0">
                <a:effectLst/>
                <a:latin typeface="+mj-lt"/>
                <a:ea typeface="Times New Roman" panose="02020603050405020304" pitchFamily="18" charset="0"/>
                <a:cs typeface="Times New Roman" panose="02020603050405020304" pitchFamily="18" charset="0"/>
              </a:rPr>
              <a:t>Emerging Challenges In European Electricity Markets</a:t>
            </a:r>
          </a:p>
          <a:p>
            <a:pPr algn="l"/>
            <a:r>
              <a:rPr lang="en-GB" sz="2400" dirty="0">
                <a:solidFill>
                  <a:schemeClr val="tx1"/>
                </a:solidFill>
                <a:latin typeface="+mj-lt"/>
                <a:cs typeface="Times New Roman" panose="02020603050405020304" pitchFamily="18" charset="0"/>
              </a:rPr>
              <a:t>Wind Power Finance &amp; Investment Summit, London</a:t>
            </a:r>
            <a:endParaRPr lang="en-US" sz="2400" dirty="0">
              <a:solidFill>
                <a:schemeClr val="tx1"/>
              </a:solidFill>
              <a:latin typeface="+mj-lt"/>
            </a:endParaRPr>
          </a:p>
        </p:txBody>
      </p:sp>
      <p:sp>
        <p:nvSpPr>
          <p:cNvPr id="10" name="TextBox 9">
            <a:extLst>
              <a:ext uri="{FF2B5EF4-FFF2-40B4-BE49-F238E27FC236}">
                <a16:creationId xmlns:a16="http://schemas.microsoft.com/office/drawing/2014/main" id="{22062CCA-E71F-4BAE-8D93-12AC3B004FF2}"/>
              </a:ext>
            </a:extLst>
          </p:cNvPr>
          <p:cNvSpPr txBox="1"/>
          <p:nvPr/>
        </p:nvSpPr>
        <p:spPr>
          <a:xfrm>
            <a:off x="1375793" y="6007120"/>
            <a:ext cx="10570129" cy="290818"/>
          </a:xfrm>
          <a:prstGeom prst="rect">
            <a:avLst/>
          </a:prstGeom>
          <a:noFill/>
        </p:spPr>
        <p:txBody>
          <a:bodyPr vert="horz" wrap="square" lIns="0" tIns="0" rIns="0" bIns="0" rtlCol="0" anchor="t">
            <a:noAutofit/>
          </a:bodyPr>
          <a:lstStyle/>
          <a:p>
            <a:pPr algn="l"/>
            <a:r>
              <a:rPr lang="en-GB" dirty="0">
                <a:effectLst/>
                <a:ea typeface="Times New Roman" panose="02020603050405020304" pitchFamily="18" charset="0"/>
                <a:cs typeface="Times New Roman" panose="02020603050405020304" pitchFamily="18" charset="0"/>
              </a:rPr>
              <a:t>Dr Anser A Shakoor (Energy Planning and Trading, Hitachi Energy) </a:t>
            </a:r>
            <a:endParaRPr lang="en-US" dirty="0">
              <a:solidFill>
                <a:schemeClr val="tx1"/>
              </a:solidFill>
            </a:endParaRPr>
          </a:p>
        </p:txBody>
      </p:sp>
      <p:sp>
        <p:nvSpPr>
          <p:cNvPr id="7" name="TextBox 6">
            <a:extLst>
              <a:ext uri="{FF2B5EF4-FFF2-40B4-BE49-F238E27FC236}">
                <a16:creationId xmlns:a16="http://schemas.microsoft.com/office/drawing/2014/main" id="{26715CB9-EBFC-4E3E-B20C-CED1BAFA8965}"/>
              </a:ext>
            </a:extLst>
          </p:cNvPr>
          <p:cNvSpPr txBox="1"/>
          <p:nvPr/>
        </p:nvSpPr>
        <p:spPr>
          <a:xfrm>
            <a:off x="1375792" y="6480303"/>
            <a:ext cx="1778469" cy="188945"/>
          </a:xfrm>
          <a:prstGeom prst="rect">
            <a:avLst/>
          </a:prstGeom>
          <a:noFill/>
        </p:spPr>
        <p:txBody>
          <a:bodyPr vert="horz" wrap="square" lIns="0" tIns="0" rIns="0" bIns="0" rtlCol="0" anchor="ctr">
            <a:noAutofit/>
          </a:bodyPr>
          <a:lstStyle/>
          <a:p>
            <a:pPr algn="l"/>
            <a:r>
              <a:rPr lang="en-GB" sz="900" dirty="0">
                <a:ea typeface="Times New Roman" panose="02020603050405020304" pitchFamily="18" charset="0"/>
                <a:cs typeface="Times New Roman" panose="02020603050405020304" pitchFamily="18" charset="0"/>
              </a:rPr>
              <a:t>08 December </a:t>
            </a:r>
            <a:r>
              <a:rPr lang="en-GB" sz="900" dirty="0">
                <a:effectLst/>
                <a:ea typeface="Times New Roman" panose="02020603050405020304" pitchFamily="18" charset="0"/>
                <a:cs typeface="Times New Roman" panose="02020603050405020304" pitchFamily="18" charset="0"/>
              </a:rPr>
              <a:t>2021</a:t>
            </a:r>
            <a:endParaRPr lang="en-US" sz="900" dirty="0">
              <a:solidFill>
                <a:schemeClr val="tx1"/>
              </a:solidFill>
            </a:endParaRPr>
          </a:p>
        </p:txBody>
      </p:sp>
      <p:sp>
        <p:nvSpPr>
          <p:cNvPr id="8" name="TextBox 7">
            <a:extLst>
              <a:ext uri="{FF2B5EF4-FFF2-40B4-BE49-F238E27FC236}">
                <a16:creationId xmlns:a16="http://schemas.microsoft.com/office/drawing/2014/main" id="{8006E93F-9F05-4F1D-8F52-BB8A1FB17C7C}"/>
              </a:ext>
            </a:extLst>
          </p:cNvPr>
          <p:cNvSpPr txBox="1"/>
          <p:nvPr/>
        </p:nvSpPr>
        <p:spPr>
          <a:xfrm>
            <a:off x="5504573" y="6485703"/>
            <a:ext cx="2263633" cy="183545"/>
          </a:xfrm>
          <a:prstGeom prst="rect">
            <a:avLst/>
          </a:prstGeom>
          <a:noFill/>
        </p:spPr>
        <p:txBody>
          <a:bodyPr vert="horz" wrap="square" lIns="0" tIns="0" rIns="0" bIns="0" rtlCol="0" anchor="ctr">
            <a:noAutofit/>
          </a:bodyPr>
          <a:lstStyle/>
          <a:p>
            <a:pPr algn="l"/>
            <a:r>
              <a:rPr lang="en-GB" sz="900" dirty="0">
                <a:solidFill>
                  <a:schemeClr val="tx1"/>
                </a:solidFill>
                <a:cs typeface="Times New Roman" panose="02020603050405020304" pitchFamily="18" charset="0"/>
              </a:rPr>
              <a:t>© 2021 Hitachi Energy. All rights reserved.</a:t>
            </a:r>
            <a:endParaRPr lang="en-US" sz="900" dirty="0">
              <a:solidFill>
                <a:schemeClr val="tx1"/>
              </a:solidFill>
            </a:endParaRPr>
          </a:p>
        </p:txBody>
      </p:sp>
    </p:spTree>
    <p:custDataLst>
      <p:custData r:id="rId1"/>
      <p:custData r:id="rId2"/>
    </p:custDataLst>
    <p:extLst>
      <p:ext uri="{BB962C8B-B14F-4D97-AF65-F5344CB8AC3E}">
        <p14:creationId xmlns:p14="http://schemas.microsoft.com/office/powerpoint/2010/main" val="355997512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5C067D2-E03A-46C1-9336-D963E48650C9}"/>
              </a:ext>
            </a:extLst>
          </p:cNvPr>
          <p:cNvSpPr>
            <a:spLocks noGrp="1"/>
          </p:cNvSpPr>
          <p:nvPr>
            <p:ph type="ftr" sz="quarter" idx="11"/>
          </p:nvPr>
        </p:nvSpPr>
        <p:spPr/>
        <p:txBody>
          <a:bodyPr/>
          <a:lstStyle/>
          <a:p>
            <a:endParaRPr lang="en-US" dirty="0"/>
          </a:p>
        </p:txBody>
      </p:sp>
      <p:sp>
        <p:nvSpPr>
          <p:cNvPr id="5" name="Title 4">
            <a:extLst>
              <a:ext uri="{FF2B5EF4-FFF2-40B4-BE49-F238E27FC236}">
                <a16:creationId xmlns:a16="http://schemas.microsoft.com/office/drawing/2014/main" id="{AF2A390B-F4E6-4F72-AF86-4D242EA697D7}"/>
              </a:ext>
            </a:extLst>
          </p:cNvPr>
          <p:cNvSpPr>
            <a:spLocks noGrp="1"/>
          </p:cNvSpPr>
          <p:nvPr>
            <p:ph type="title"/>
          </p:nvPr>
        </p:nvSpPr>
        <p:spPr>
          <a:xfrm>
            <a:off x="263523" y="187199"/>
            <a:ext cx="9138893" cy="435600"/>
          </a:xfrm>
        </p:spPr>
        <p:txBody>
          <a:bodyPr/>
          <a:lstStyle/>
          <a:p>
            <a:r>
              <a:rPr lang="en-GB" dirty="0"/>
              <a:t>Weather Impact on Renewables Yield and Demand</a:t>
            </a:r>
            <a:endParaRPr lang="en-US" dirty="0"/>
          </a:p>
        </p:txBody>
      </p:sp>
      <p:sp>
        <p:nvSpPr>
          <p:cNvPr id="14" name="Content Placeholder 5">
            <a:extLst>
              <a:ext uri="{FF2B5EF4-FFF2-40B4-BE49-F238E27FC236}">
                <a16:creationId xmlns:a16="http://schemas.microsoft.com/office/drawing/2014/main" id="{60FAEECF-0CC5-496D-801D-40BEB388D728}"/>
              </a:ext>
            </a:extLst>
          </p:cNvPr>
          <p:cNvSpPr>
            <a:spLocks noGrp="1"/>
          </p:cNvSpPr>
          <p:nvPr>
            <p:ph sz="quarter" idx="21"/>
          </p:nvPr>
        </p:nvSpPr>
        <p:spPr>
          <a:xfrm>
            <a:off x="2940266" y="5240226"/>
            <a:ext cx="6842712" cy="904240"/>
          </a:xfrm>
          <a:ln>
            <a:solidFill>
              <a:schemeClr val="bg2"/>
            </a:solidFill>
          </a:ln>
        </p:spPr>
        <p:txBody>
          <a:bodyPr lIns="144000"/>
          <a:lstStyle/>
          <a:p>
            <a:pPr marL="285750" indent="-285750">
              <a:spcBef>
                <a:spcPts val="1200"/>
              </a:spcBef>
              <a:buFont typeface="Wingdings" panose="05000000000000000000" pitchFamily="2" charset="2"/>
              <a:buChar char="§"/>
            </a:pPr>
            <a:endParaRPr lang="en-GB" sz="400" dirty="0"/>
          </a:p>
          <a:p>
            <a:pPr marL="285750" indent="-285750">
              <a:spcBef>
                <a:spcPts val="1200"/>
              </a:spcBef>
              <a:buFont typeface="Wingdings" panose="05000000000000000000" pitchFamily="2" charset="2"/>
              <a:buChar char="Ø"/>
            </a:pPr>
            <a:r>
              <a:rPr lang="en-GB" sz="1600" dirty="0"/>
              <a:t>Offshore wind is the most variable resource</a:t>
            </a:r>
          </a:p>
          <a:p>
            <a:pPr marL="285750" indent="-285750">
              <a:buFont typeface="Wingdings" panose="05000000000000000000" pitchFamily="2" charset="2"/>
              <a:buChar char="Ø"/>
            </a:pPr>
            <a:r>
              <a:rPr lang="en-GB" sz="1600" dirty="0"/>
              <a:t>Inter-year variation in solar generation is relatively low</a:t>
            </a:r>
          </a:p>
        </p:txBody>
      </p:sp>
      <p:graphicFrame>
        <p:nvGraphicFramePr>
          <p:cNvPr id="11" name="Chart 10">
            <a:extLst>
              <a:ext uri="{FF2B5EF4-FFF2-40B4-BE49-F238E27FC236}">
                <a16:creationId xmlns:a16="http://schemas.microsoft.com/office/drawing/2014/main" id="{7CA7EB5D-0630-4FE1-AD62-0C018C4901BE}"/>
              </a:ext>
            </a:extLst>
          </p:cNvPr>
          <p:cNvGraphicFramePr>
            <a:graphicFrameLocks/>
          </p:cNvGraphicFramePr>
          <p:nvPr>
            <p:extLst>
              <p:ext uri="{D42A27DB-BD31-4B8C-83A1-F6EECF244321}">
                <p14:modId xmlns:p14="http://schemas.microsoft.com/office/powerpoint/2010/main" val="2164095314"/>
              </p:ext>
            </p:extLst>
          </p:nvPr>
        </p:nvGraphicFramePr>
        <p:xfrm>
          <a:off x="122923" y="1346539"/>
          <a:ext cx="11467944" cy="3622067"/>
        </p:xfrm>
        <a:graphic>
          <a:graphicData uri="http://schemas.openxmlformats.org/drawingml/2006/chart">
            <c:chart xmlns:c="http://schemas.openxmlformats.org/drawingml/2006/chart" xmlns:r="http://schemas.openxmlformats.org/officeDocument/2006/relationships" r:id="rId3"/>
          </a:graphicData>
        </a:graphic>
      </p:graphicFrame>
      <p:sp>
        <p:nvSpPr>
          <p:cNvPr id="13" name="TextBox 12">
            <a:extLst>
              <a:ext uri="{FF2B5EF4-FFF2-40B4-BE49-F238E27FC236}">
                <a16:creationId xmlns:a16="http://schemas.microsoft.com/office/drawing/2014/main" id="{B13D18C6-5123-4B99-B539-325739E3107D}"/>
              </a:ext>
            </a:extLst>
          </p:cNvPr>
          <p:cNvSpPr txBox="1"/>
          <p:nvPr/>
        </p:nvSpPr>
        <p:spPr>
          <a:xfrm>
            <a:off x="3659540" y="1039844"/>
            <a:ext cx="4699509" cy="270588"/>
          </a:xfrm>
          <a:prstGeom prst="rect">
            <a:avLst/>
          </a:prstGeom>
          <a:noFill/>
        </p:spPr>
        <p:txBody>
          <a:bodyPr wrap="square" lIns="0" tIns="0" rIns="0" bIns="0" rtlCol="0">
            <a:noAutofit/>
          </a:bodyPr>
          <a:lstStyle/>
          <a:p>
            <a:pPr algn="ctr"/>
            <a:r>
              <a:rPr lang="en-US" sz="1600" b="1" u="sng" dirty="0">
                <a:solidFill>
                  <a:schemeClr val="accent1"/>
                </a:solidFill>
              </a:rPr>
              <a:t>Inter-year Variability of RES and Demand</a:t>
            </a:r>
          </a:p>
          <a:p>
            <a:pPr algn="ctr"/>
            <a:endParaRPr lang="en-US" sz="1600" u="sng" dirty="0" err="1">
              <a:solidFill>
                <a:schemeClr val="accent1"/>
              </a:solidFill>
            </a:endParaRPr>
          </a:p>
        </p:txBody>
      </p:sp>
      <p:sp>
        <p:nvSpPr>
          <p:cNvPr id="12"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3B67C769-2EF2-4101-9D59-6C1D9B8D576F}"/>
              </a:ext>
            </a:extLst>
          </p:cNvPr>
          <p:cNvSpPr txBox="1"/>
          <p:nvPr/>
        </p:nvSpPr>
        <p:spPr bwMode="gray">
          <a:xfrm>
            <a:off x="777600" y="6539188"/>
            <a:ext cx="24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
        <p:nvSpPr>
          <p:cNvPr id="15" name="TextBox 14">
            <a:extLst>
              <a:ext uri="{FF2B5EF4-FFF2-40B4-BE49-F238E27FC236}">
                <a16:creationId xmlns:a16="http://schemas.microsoft.com/office/drawing/2014/main" id="{606C8C10-CC93-47CD-897C-F765F293A834}"/>
              </a:ext>
            </a:extLst>
          </p:cNvPr>
          <p:cNvSpPr txBox="1"/>
          <p:nvPr/>
        </p:nvSpPr>
        <p:spPr>
          <a:xfrm>
            <a:off x="819545" y="6527648"/>
            <a:ext cx="2263633" cy="183545"/>
          </a:xfrm>
          <a:prstGeom prst="rect">
            <a:avLst/>
          </a:prstGeom>
          <a:noFill/>
        </p:spPr>
        <p:txBody>
          <a:bodyPr vert="horz" wrap="square" lIns="0" tIns="0" rIns="0" bIns="0" rtlCol="0" anchor="ctr">
            <a:noAutofit/>
          </a:bodyPr>
          <a:lstStyle/>
          <a:p>
            <a:pPr algn="l"/>
            <a:r>
              <a:rPr lang="en-GB" sz="900" dirty="0">
                <a:solidFill>
                  <a:schemeClr val="tx1"/>
                </a:solidFill>
                <a:cs typeface="Times New Roman" panose="02020603050405020304" pitchFamily="18" charset="0"/>
              </a:rPr>
              <a:t>© 2021 Hitachi Energy. All rights reserved.</a:t>
            </a:r>
            <a:endParaRPr lang="en-US" sz="900" dirty="0">
              <a:solidFill>
                <a:schemeClr val="tx1"/>
              </a:solidFill>
            </a:endParaRPr>
          </a:p>
        </p:txBody>
      </p:sp>
    </p:spTree>
    <p:extLst>
      <p:ext uri="{BB962C8B-B14F-4D97-AF65-F5344CB8AC3E}">
        <p14:creationId xmlns:p14="http://schemas.microsoft.com/office/powerpoint/2010/main" val="233742060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Content Placeholder 7">
            <a:extLst>
              <a:ext uri="{FF2B5EF4-FFF2-40B4-BE49-F238E27FC236}">
                <a16:creationId xmlns:a16="http://schemas.microsoft.com/office/drawing/2014/main" id="{F2E2C3B1-0B3B-4971-9BAE-5CA9995C0C59}"/>
              </a:ext>
            </a:extLst>
          </p:cNvPr>
          <p:cNvSpPr>
            <a:spLocks noGrp="1"/>
          </p:cNvSpPr>
          <p:nvPr>
            <p:ph sz="quarter" idx="20"/>
          </p:nvPr>
        </p:nvSpPr>
        <p:spPr>
          <a:xfrm>
            <a:off x="6522722" y="4030175"/>
            <a:ext cx="5092932" cy="1615440"/>
          </a:xfrm>
        </p:spPr>
        <p:txBody>
          <a:bodyPr/>
          <a:lstStyle/>
          <a:p>
            <a:pPr marL="285750" indent="-285750">
              <a:buFont typeface="Wingdings" panose="05000000000000000000" pitchFamily="2" charset="2"/>
              <a:buChar char="Ø"/>
            </a:pPr>
            <a:r>
              <a:rPr lang="en-GB" sz="1600" dirty="0">
                <a:solidFill>
                  <a:schemeClr val="tx1"/>
                </a:solidFill>
              </a:rPr>
              <a:t>In 2045, the expected revenues for an average offshore wind farm can vary by 30% depending on net demand conditions.</a:t>
            </a:r>
          </a:p>
          <a:p>
            <a:pPr marL="285750" indent="-285750">
              <a:buFont typeface="Wingdings" panose="05000000000000000000" pitchFamily="2" charset="2"/>
              <a:buChar char="Ø"/>
            </a:pPr>
            <a:r>
              <a:rPr lang="en-GB" sz="1600" dirty="0"/>
              <a:t>It is critical to incorporate the effect of weather in making LT investment decisions.</a:t>
            </a:r>
            <a:endParaRPr lang="en-GB" sz="1600" dirty="0">
              <a:solidFill>
                <a:schemeClr val="tx1"/>
              </a:solidFill>
            </a:endParaRPr>
          </a:p>
        </p:txBody>
      </p:sp>
      <p:sp>
        <p:nvSpPr>
          <p:cNvPr id="5" name="Title 4">
            <a:extLst>
              <a:ext uri="{FF2B5EF4-FFF2-40B4-BE49-F238E27FC236}">
                <a16:creationId xmlns:a16="http://schemas.microsoft.com/office/drawing/2014/main" id="{AF2A390B-F4E6-4F72-AF86-4D242EA697D7}"/>
              </a:ext>
            </a:extLst>
          </p:cNvPr>
          <p:cNvSpPr>
            <a:spLocks noGrp="1"/>
          </p:cNvSpPr>
          <p:nvPr>
            <p:ph type="title"/>
          </p:nvPr>
        </p:nvSpPr>
        <p:spPr/>
        <p:txBody>
          <a:bodyPr/>
          <a:lstStyle/>
          <a:p>
            <a:r>
              <a:rPr lang="en-GB" dirty="0"/>
              <a:t>Impact of Weather on Electricity Prices</a:t>
            </a:r>
            <a:endParaRPr lang="en-US" dirty="0">
              <a:highlight>
                <a:srgbClr val="FFFF00"/>
              </a:highlight>
            </a:endParaRPr>
          </a:p>
        </p:txBody>
      </p:sp>
      <p:sp>
        <p:nvSpPr>
          <p:cNvPr id="16" name="TextBox 15">
            <a:extLst>
              <a:ext uri="{FF2B5EF4-FFF2-40B4-BE49-F238E27FC236}">
                <a16:creationId xmlns:a16="http://schemas.microsoft.com/office/drawing/2014/main" id="{7CC9F482-33F8-4895-AE51-F8DC23D375D6}"/>
              </a:ext>
            </a:extLst>
          </p:cNvPr>
          <p:cNvSpPr txBox="1"/>
          <p:nvPr/>
        </p:nvSpPr>
        <p:spPr>
          <a:xfrm>
            <a:off x="153294" y="1131153"/>
            <a:ext cx="5832475" cy="270588"/>
          </a:xfrm>
          <a:prstGeom prst="rect">
            <a:avLst/>
          </a:prstGeom>
          <a:noFill/>
        </p:spPr>
        <p:txBody>
          <a:bodyPr wrap="square" lIns="0" tIns="0" rIns="0" bIns="0" rtlCol="0">
            <a:noAutofit/>
          </a:bodyPr>
          <a:lstStyle/>
          <a:p>
            <a:pPr algn="ctr"/>
            <a:r>
              <a:rPr lang="en-GB" sz="1600" b="1" u="sng" dirty="0">
                <a:solidFill>
                  <a:schemeClr val="accent1"/>
                </a:solidFill>
              </a:rPr>
              <a:t>Average Annual Electricity Price Comparison</a:t>
            </a:r>
          </a:p>
          <a:p>
            <a:pPr algn="ctr"/>
            <a:endParaRPr lang="en-US" sz="1600" u="sng" dirty="0" err="1">
              <a:solidFill>
                <a:schemeClr val="accent1"/>
              </a:solidFill>
            </a:endParaRPr>
          </a:p>
        </p:txBody>
      </p:sp>
      <p:graphicFrame>
        <p:nvGraphicFramePr>
          <p:cNvPr id="10" name="Chart 9">
            <a:extLst>
              <a:ext uri="{FF2B5EF4-FFF2-40B4-BE49-F238E27FC236}">
                <a16:creationId xmlns:a16="http://schemas.microsoft.com/office/drawing/2014/main" id="{07509A17-6A59-47BB-8DCA-8CE7B9E6C693}"/>
              </a:ext>
            </a:extLst>
          </p:cNvPr>
          <p:cNvGraphicFramePr>
            <a:graphicFrameLocks/>
          </p:cNvGraphicFramePr>
          <p:nvPr>
            <p:extLst>
              <p:ext uri="{D42A27DB-BD31-4B8C-83A1-F6EECF244321}">
                <p14:modId xmlns:p14="http://schemas.microsoft.com/office/powerpoint/2010/main" val="2334447762"/>
              </p:ext>
            </p:extLst>
          </p:nvPr>
        </p:nvGraphicFramePr>
        <p:xfrm>
          <a:off x="262038" y="1547051"/>
          <a:ext cx="5614988" cy="4798036"/>
        </p:xfrm>
        <a:graphic>
          <a:graphicData uri="http://schemas.openxmlformats.org/drawingml/2006/chart">
            <c:chart xmlns:c="http://schemas.openxmlformats.org/drawingml/2006/chart" xmlns:r="http://schemas.openxmlformats.org/officeDocument/2006/relationships" r:id="rId3"/>
          </a:graphicData>
        </a:graphic>
      </p:graphicFrame>
      <p:sp>
        <p:nvSpPr>
          <p:cNvPr id="6"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36BE964A-09CB-4F8E-A6F5-ECFFAD7D8243}"/>
              </a:ext>
            </a:extLst>
          </p:cNvPr>
          <p:cNvSpPr txBox="1"/>
          <p:nvPr/>
        </p:nvSpPr>
        <p:spPr bwMode="gray">
          <a:xfrm>
            <a:off x="777600" y="6539188"/>
            <a:ext cx="24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
        <p:nvSpPr>
          <p:cNvPr id="7" name="TextBox 6">
            <a:extLst>
              <a:ext uri="{FF2B5EF4-FFF2-40B4-BE49-F238E27FC236}">
                <a16:creationId xmlns:a16="http://schemas.microsoft.com/office/drawing/2014/main" id="{246EDF77-4E6C-4ABB-B410-24636BED9969}"/>
              </a:ext>
            </a:extLst>
          </p:cNvPr>
          <p:cNvSpPr txBox="1"/>
          <p:nvPr/>
        </p:nvSpPr>
        <p:spPr>
          <a:xfrm>
            <a:off x="819545" y="6527648"/>
            <a:ext cx="2263633" cy="183545"/>
          </a:xfrm>
          <a:prstGeom prst="rect">
            <a:avLst/>
          </a:prstGeom>
          <a:noFill/>
        </p:spPr>
        <p:txBody>
          <a:bodyPr vert="horz" wrap="square" lIns="0" tIns="0" rIns="0" bIns="0" rtlCol="0" anchor="ctr">
            <a:noAutofit/>
          </a:bodyPr>
          <a:lstStyle/>
          <a:p>
            <a:pPr algn="l"/>
            <a:r>
              <a:rPr lang="en-GB" sz="900" dirty="0">
                <a:solidFill>
                  <a:schemeClr val="tx1"/>
                </a:solidFill>
                <a:cs typeface="Times New Roman" panose="02020603050405020304" pitchFamily="18" charset="0"/>
              </a:rPr>
              <a:t>© 2021 Hitachi Energy. All rights reserved.</a:t>
            </a:r>
            <a:endParaRPr lang="en-US" sz="900" dirty="0">
              <a:solidFill>
                <a:schemeClr val="tx1"/>
              </a:solidFill>
            </a:endParaRPr>
          </a:p>
        </p:txBody>
      </p:sp>
      <p:graphicFrame>
        <p:nvGraphicFramePr>
          <p:cNvPr id="2" name="Table 2">
            <a:extLst>
              <a:ext uri="{FF2B5EF4-FFF2-40B4-BE49-F238E27FC236}">
                <a16:creationId xmlns:a16="http://schemas.microsoft.com/office/drawing/2014/main" id="{ACC5DFEC-B528-4495-ADA0-91BBBD0F64D7}"/>
              </a:ext>
            </a:extLst>
          </p:cNvPr>
          <p:cNvGraphicFramePr>
            <a:graphicFrameLocks noGrp="1"/>
          </p:cNvGraphicFramePr>
          <p:nvPr>
            <p:extLst>
              <p:ext uri="{D42A27DB-BD31-4B8C-83A1-F6EECF244321}">
                <p14:modId xmlns:p14="http://schemas.microsoft.com/office/powerpoint/2010/main" val="1447275023"/>
              </p:ext>
            </p:extLst>
          </p:nvPr>
        </p:nvGraphicFramePr>
        <p:xfrm>
          <a:off x="6522722" y="1839332"/>
          <a:ext cx="5092930" cy="1615440"/>
        </p:xfrm>
        <a:graphic>
          <a:graphicData uri="http://schemas.openxmlformats.org/drawingml/2006/table">
            <a:tbl>
              <a:tblPr firstRow="1" bandRow="1">
                <a:tableStyleId>{10A1B5D5-9B99-4C35-A422-299274C87663}</a:tableStyleId>
              </a:tblPr>
              <a:tblGrid>
                <a:gridCol w="1018586">
                  <a:extLst>
                    <a:ext uri="{9D8B030D-6E8A-4147-A177-3AD203B41FA5}">
                      <a16:colId xmlns:a16="http://schemas.microsoft.com/office/drawing/2014/main" val="197493174"/>
                    </a:ext>
                  </a:extLst>
                </a:gridCol>
                <a:gridCol w="1018586">
                  <a:extLst>
                    <a:ext uri="{9D8B030D-6E8A-4147-A177-3AD203B41FA5}">
                      <a16:colId xmlns:a16="http://schemas.microsoft.com/office/drawing/2014/main" val="3447849815"/>
                    </a:ext>
                  </a:extLst>
                </a:gridCol>
                <a:gridCol w="1018586">
                  <a:extLst>
                    <a:ext uri="{9D8B030D-6E8A-4147-A177-3AD203B41FA5}">
                      <a16:colId xmlns:a16="http://schemas.microsoft.com/office/drawing/2014/main" val="40879112"/>
                    </a:ext>
                  </a:extLst>
                </a:gridCol>
                <a:gridCol w="1018586">
                  <a:extLst>
                    <a:ext uri="{9D8B030D-6E8A-4147-A177-3AD203B41FA5}">
                      <a16:colId xmlns:a16="http://schemas.microsoft.com/office/drawing/2014/main" val="3154573642"/>
                    </a:ext>
                  </a:extLst>
                </a:gridCol>
                <a:gridCol w="1018586">
                  <a:extLst>
                    <a:ext uri="{9D8B030D-6E8A-4147-A177-3AD203B41FA5}">
                      <a16:colId xmlns:a16="http://schemas.microsoft.com/office/drawing/2014/main" val="637637492"/>
                    </a:ext>
                  </a:extLst>
                </a:gridCol>
              </a:tblGrid>
              <a:tr h="403574">
                <a:tc>
                  <a:txBody>
                    <a:bodyPr/>
                    <a:lstStyle/>
                    <a:p>
                      <a:pPr algn="ctr"/>
                      <a:r>
                        <a:rPr lang="en-GB" dirty="0">
                          <a:solidFill>
                            <a:schemeClr val="bg2"/>
                          </a:solidFill>
                        </a:rPr>
                        <a:t>Wind + Solar Yield</a:t>
                      </a:r>
                    </a:p>
                  </a:txBody>
                  <a:tcPr/>
                </a:tc>
                <a:tc>
                  <a:txBody>
                    <a:bodyPr/>
                    <a:lstStyle/>
                    <a:p>
                      <a:pPr algn="ctr"/>
                      <a:r>
                        <a:rPr lang="en-GB" dirty="0">
                          <a:solidFill>
                            <a:schemeClr val="bg2"/>
                          </a:solidFill>
                        </a:rPr>
                        <a:t>Net Demand</a:t>
                      </a:r>
                    </a:p>
                  </a:txBody>
                  <a:tcPr/>
                </a:tc>
                <a:tc>
                  <a:txBody>
                    <a:bodyPr/>
                    <a:lstStyle/>
                    <a:p>
                      <a:pPr algn="ctr"/>
                      <a:r>
                        <a:rPr lang="en-GB" dirty="0">
                          <a:solidFill>
                            <a:schemeClr val="bg2"/>
                          </a:solidFill>
                        </a:rPr>
                        <a:t>Plant at Margin</a:t>
                      </a:r>
                    </a:p>
                  </a:txBody>
                  <a:tcPr/>
                </a:tc>
                <a:tc>
                  <a:txBody>
                    <a:bodyPr/>
                    <a:lstStyle/>
                    <a:p>
                      <a:pPr algn="ctr"/>
                      <a:r>
                        <a:rPr lang="en-GB" dirty="0">
                          <a:solidFill>
                            <a:schemeClr val="bg2"/>
                          </a:solidFill>
                        </a:rPr>
                        <a:t>Elec. Prices</a:t>
                      </a:r>
                    </a:p>
                  </a:txBody>
                  <a:tcPr/>
                </a:tc>
                <a:tc>
                  <a:txBody>
                    <a:bodyPr/>
                    <a:lstStyle/>
                    <a:p>
                      <a:pPr algn="ctr"/>
                      <a:r>
                        <a:rPr lang="en-GB" dirty="0">
                          <a:solidFill>
                            <a:schemeClr val="bg2"/>
                          </a:solidFill>
                        </a:rPr>
                        <a:t>Revenues</a:t>
                      </a:r>
                    </a:p>
                  </a:txBody>
                  <a:tcPr/>
                </a:tc>
                <a:extLst>
                  <a:ext uri="{0D108BD9-81ED-4DB2-BD59-A6C34878D82A}">
                    <a16:rowId xmlns:a16="http://schemas.microsoft.com/office/drawing/2014/main" val="1985463476"/>
                  </a:ext>
                </a:extLst>
              </a:tr>
              <a:tr h="569623">
                <a:tc>
                  <a:txBody>
                    <a:bodyPr/>
                    <a:lstStyle/>
                    <a:p>
                      <a:endParaRPr lang="en-GB" dirty="0"/>
                    </a:p>
                  </a:txBody>
                  <a:tcPr/>
                </a:tc>
                <a:tc>
                  <a:txBody>
                    <a:bodyPr/>
                    <a:lstStyle/>
                    <a:p>
                      <a:endParaRPr lang="en-GB" dirty="0"/>
                    </a:p>
                  </a:txBody>
                  <a:tcPr/>
                </a:tc>
                <a:tc>
                  <a:txBody>
                    <a:bodyPr/>
                    <a:lstStyle/>
                    <a:p>
                      <a:pPr algn="ctr">
                        <a:spcBef>
                          <a:spcPts val="600"/>
                        </a:spcBef>
                      </a:pPr>
                      <a:r>
                        <a:rPr lang="en-GB" dirty="0"/>
                        <a:t>Exp. Fossil</a:t>
                      </a:r>
                    </a:p>
                  </a:txBody>
                  <a:tcPr anchor="ctr"/>
                </a:tc>
                <a:tc>
                  <a:txBody>
                    <a:bodyPr/>
                    <a:lstStyle/>
                    <a:p>
                      <a:endParaRPr lang="en-GB"/>
                    </a:p>
                  </a:txBody>
                  <a:tcPr/>
                </a:tc>
                <a:tc>
                  <a:txBody>
                    <a:bodyPr/>
                    <a:lstStyle/>
                    <a:p>
                      <a:pPr algn="ctr"/>
                      <a:r>
                        <a:rPr lang="en-GB" sz="3200" dirty="0"/>
                        <a:t>?</a:t>
                      </a:r>
                      <a:endParaRPr lang="en-GB" dirty="0"/>
                    </a:p>
                  </a:txBody>
                  <a:tcPr anchor="ctr"/>
                </a:tc>
                <a:extLst>
                  <a:ext uri="{0D108BD9-81ED-4DB2-BD59-A6C34878D82A}">
                    <a16:rowId xmlns:a16="http://schemas.microsoft.com/office/drawing/2014/main" val="2606726813"/>
                  </a:ext>
                </a:extLst>
              </a:tr>
              <a:tr h="569623">
                <a:tc>
                  <a:txBody>
                    <a:bodyPr/>
                    <a:lstStyle/>
                    <a:p>
                      <a:endParaRPr lang="en-GB" dirty="0"/>
                    </a:p>
                  </a:txBody>
                  <a:tcPr/>
                </a:tc>
                <a:tc>
                  <a:txBody>
                    <a:bodyPr/>
                    <a:lstStyle/>
                    <a:p>
                      <a:endParaRPr lang="en-GB"/>
                    </a:p>
                  </a:txBody>
                  <a:tcPr/>
                </a:tc>
                <a:tc>
                  <a:txBody>
                    <a:bodyPr/>
                    <a:lstStyle/>
                    <a:p>
                      <a:pPr algn="ctr"/>
                      <a:r>
                        <a:rPr lang="en-GB" dirty="0"/>
                        <a:t>Res / Nuclear</a:t>
                      </a:r>
                    </a:p>
                  </a:txBody>
                  <a:tcPr anchor="ctr"/>
                </a:tc>
                <a:tc>
                  <a:txBody>
                    <a:bodyPr/>
                    <a:lstStyle/>
                    <a:p>
                      <a:endParaRPr lang="en-GB" dirty="0"/>
                    </a:p>
                  </a:txBody>
                  <a:tcPr/>
                </a:tc>
                <a:tc>
                  <a:txBody>
                    <a:bodyPr/>
                    <a:lstStyle/>
                    <a:p>
                      <a:pPr marL="12000" algn="ctr" defTabSz="3175" rtl="0" eaLnBrk="1" latinLnBrk="0" hangingPunct="1"/>
                      <a:r>
                        <a:rPr lang="en-GB" sz="3200" b="1" kern="1200" dirty="0">
                          <a:solidFill>
                            <a:schemeClr val="dk1"/>
                          </a:solidFill>
                          <a:latin typeface="+mn-lt"/>
                          <a:ea typeface="+mn-ea"/>
                          <a:cs typeface="+mn-cs"/>
                        </a:rPr>
                        <a:t>?</a:t>
                      </a:r>
                    </a:p>
                  </a:txBody>
                  <a:tcPr/>
                </a:tc>
                <a:extLst>
                  <a:ext uri="{0D108BD9-81ED-4DB2-BD59-A6C34878D82A}">
                    <a16:rowId xmlns:a16="http://schemas.microsoft.com/office/drawing/2014/main" val="925503468"/>
                  </a:ext>
                </a:extLst>
              </a:tr>
            </a:tbl>
          </a:graphicData>
        </a:graphic>
      </p:graphicFrame>
      <p:sp>
        <p:nvSpPr>
          <p:cNvPr id="3" name="Arrow: Down 2">
            <a:extLst>
              <a:ext uri="{FF2B5EF4-FFF2-40B4-BE49-F238E27FC236}">
                <a16:creationId xmlns:a16="http://schemas.microsoft.com/office/drawing/2014/main" id="{E88C6FB5-4512-4CBF-997E-7FBAB8BA58D6}"/>
              </a:ext>
            </a:extLst>
          </p:cNvPr>
          <p:cNvSpPr/>
          <p:nvPr/>
        </p:nvSpPr>
        <p:spPr>
          <a:xfrm rot="10800000">
            <a:off x="7110154" y="2969301"/>
            <a:ext cx="299258" cy="426720"/>
          </a:xfrm>
          <a:prstGeom prst="downArrow">
            <a:avLst/>
          </a:prstGeom>
          <a:solidFill>
            <a:srgbClr val="5DAA8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dirty="0" err="1">
              <a:solidFill>
                <a:schemeClr val="tx1"/>
              </a:solidFill>
            </a:endParaRPr>
          </a:p>
        </p:txBody>
      </p:sp>
      <p:sp>
        <p:nvSpPr>
          <p:cNvPr id="11" name="Arrow: Down 10">
            <a:extLst>
              <a:ext uri="{FF2B5EF4-FFF2-40B4-BE49-F238E27FC236}">
                <a16:creationId xmlns:a16="http://schemas.microsoft.com/office/drawing/2014/main" id="{32FE2FD0-9CF6-4A2F-B7F5-9695AB1E4DA9}"/>
              </a:ext>
            </a:extLst>
          </p:cNvPr>
          <p:cNvSpPr/>
          <p:nvPr/>
        </p:nvSpPr>
        <p:spPr>
          <a:xfrm>
            <a:off x="7110153" y="2386922"/>
            <a:ext cx="299258" cy="426720"/>
          </a:xfrm>
          <a:prstGeom prst="downArrow">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dirty="0" err="1">
              <a:solidFill>
                <a:schemeClr val="tx1"/>
              </a:solidFill>
            </a:endParaRPr>
          </a:p>
        </p:txBody>
      </p:sp>
      <p:sp>
        <p:nvSpPr>
          <p:cNvPr id="12" name="Arrow: Down 11">
            <a:extLst>
              <a:ext uri="{FF2B5EF4-FFF2-40B4-BE49-F238E27FC236}">
                <a16:creationId xmlns:a16="http://schemas.microsoft.com/office/drawing/2014/main" id="{E5298699-C02B-4C79-9287-8EC560785A2B}"/>
              </a:ext>
            </a:extLst>
          </p:cNvPr>
          <p:cNvSpPr/>
          <p:nvPr/>
        </p:nvSpPr>
        <p:spPr>
          <a:xfrm rot="10800000">
            <a:off x="7935384" y="2386922"/>
            <a:ext cx="299258" cy="426720"/>
          </a:xfrm>
          <a:prstGeom prst="downArrow">
            <a:avLst/>
          </a:prstGeom>
          <a:solidFill>
            <a:srgbClr val="5DAA8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dirty="0" err="1">
              <a:solidFill>
                <a:schemeClr val="tx1"/>
              </a:solidFill>
            </a:endParaRPr>
          </a:p>
        </p:txBody>
      </p:sp>
      <p:sp>
        <p:nvSpPr>
          <p:cNvPr id="13" name="Arrow: Down 12">
            <a:extLst>
              <a:ext uri="{FF2B5EF4-FFF2-40B4-BE49-F238E27FC236}">
                <a16:creationId xmlns:a16="http://schemas.microsoft.com/office/drawing/2014/main" id="{2C92475B-5748-4703-BD53-AC5E799B4D71}"/>
              </a:ext>
            </a:extLst>
          </p:cNvPr>
          <p:cNvSpPr/>
          <p:nvPr/>
        </p:nvSpPr>
        <p:spPr>
          <a:xfrm rot="10800000">
            <a:off x="9708029" y="2361566"/>
            <a:ext cx="299258" cy="426720"/>
          </a:xfrm>
          <a:prstGeom prst="downArrow">
            <a:avLst/>
          </a:prstGeom>
          <a:solidFill>
            <a:srgbClr val="5DAA8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dirty="0" err="1">
              <a:solidFill>
                <a:schemeClr val="tx1"/>
              </a:solidFill>
            </a:endParaRPr>
          </a:p>
        </p:txBody>
      </p:sp>
      <p:sp>
        <p:nvSpPr>
          <p:cNvPr id="14" name="Arrow: Down 13">
            <a:extLst>
              <a:ext uri="{FF2B5EF4-FFF2-40B4-BE49-F238E27FC236}">
                <a16:creationId xmlns:a16="http://schemas.microsoft.com/office/drawing/2014/main" id="{21204678-E602-4553-B6A3-72078D3F0332}"/>
              </a:ext>
            </a:extLst>
          </p:cNvPr>
          <p:cNvSpPr/>
          <p:nvPr/>
        </p:nvSpPr>
        <p:spPr>
          <a:xfrm>
            <a:off x="7935384" y="2954019"/>
            <a:ext cx="299258" cy="426720"/>
          </a:xfrm>
          <a:prstGeom prst="downArrow">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dirty="0" err="1">
              <a:solidFill>
                <a:schemeClr val="tx1"/>
              </a:solidFill>
            </a:endParaRPr>
          </a:p>
        </p:txBody>
      </p:sp>
      <p:sp>
        <p:nvSpPr>
          <p:cNvPr id="15" name="Arrow: Down 14">
            <a:extLst>
              <a:ext uri="{FF2B5EF4-FFF2-40B4-BE49-F238E27FC236}">
                <a16:creationId xmlns:a16="http://schemas.microsoft.com/office/drawing/2014/main" id="{898BE2D8-257C-422F-8F9A-E1C3ABE61080}"/>
              </a:ext>
            </a:extLst>
          </p:cNvPr>
          <p:cNvSpPr/>
          <p:nvPr/>
        </p:nvSpPr>
        <p:spPr>
          <a:xfrm>
            <a:off x="9712184" y="2954019"/>
            <a:ext cx="299258" cy="426720"/>
          </a:xfrm>
          <a:prstGeom prst="downArrow">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dirty="0" err="1">
              <a:solidFill>
                <a:schemeClr val="tx1"/>
              </a:solidFill>
            </a:endParaRPr>
          </a:p>
        </p:txBody>
      </p:sp>
      <p:sp>
        <p:nvSpPr>
          <p:cNvPr id="17" name="TextBox 16">
            <a:extLst>
              <a:ext uri="{FF2B5EF4-FFF2-40B4-BE49-F238E27FC236}">
                <a16:creationId xmlns:a16="http://schemas.microsoft.com/office/drawing/2014/main" id="{CB393694-822C-4A8A-ABC7-A2B09D2FFE3B}"/>
              </a:ext>
            </a:extLst>
          </p:cNvPr>
          <p:cNvSpPr txBox="1"/>
          <p:nvPr/>
        </p:nvSpPr>
        <p:spPr>
          <a:xfrm>
            <a:off x="9917308" y="2511287"/>
            <a:ext cx="624548" cy="276999"/>
          </a:xfrm>
          <a:prstGeom prst="rect">
            <a:avLst/>
          </a:prstGeom>
          <a:noFill/>
        </p:spPr>
        <p:txBody>
          <a:bodyPr wrap="square">
            <a:spAutoFit/>
          </a:bodyPr>
          <a:lstStyle/>
          <a:p>
            <a:r>
              <a:rPr lang="en-GB" sz="1200" dirty="0"/>
              <a:t>+33%</a:t>
            </a:r>
          </a:p>
        </p:txBody>
      </p:sp>
      <p:sp>
        <p:nvSpPr>
          <p:cNvPr id="18" name="TextBox 17">
            <a:extLst>
              <a:ext uri="{FF2B5EF4-FFF2-40B4-BE49-F238E27FC236}">
                <a16:creationId xmlns:a16="http://schemas.microsoft.com/office/drawing/2014/main" id="{89292591-C43D-413E-B65A-8DB785F5C485}"/>
              </a:ext>
            </a:extLst>
          </p:cNvPr>
          <p:cNvSpPr txBox="1"/>
          <p:nvPr/>
        </p:nvSpPr>
        <p:spPr>
          <a:xfrm>
            <a:off x="9943558" y="2965973"/>
            <a:ext cx="624548" cy="276999"/>
          </a:xfrm>
          <a:prstGeom prst="rect">
            <a:avLst/>
          </a:prstGeom>
          <a:noFill/>
        </p:spPr>
        <p:txBody>
          <a:bodyPr wrap="square">
            <a:spAutoFit/>
          </a:bodyPr>
          <a:lstStyle/>
          <a:p>
            <a:r>
              <a:rPr lang="en-GB" sz="1200" dirty="0"/>
              <a:t>-15%</a:t>
            </a:r>
          </a:p>
        </p:txBody>
      </p:sp>
    </p:spTree>
    <p:extLst>
      <p:ext uri="{BB962C8B-B14F-4D97-AF65-F5344CB8AC3E}">
        <p14:creationId xmlns:p14="http://schemas.microsoft.com/office/powerpoint/2010/main" val="297257526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54398FEE-8E37-49BC-99B2-D14FF8548FB5}"/>
              </a:ext>
            </a:extLst>
          </p:cNvPr>
          <p:cNvSpPr>
            <a:spLocks noGrp="1"/>
          </p:cNvSpPr>
          <p:nvPr>
            <p:ph type="ftr" sz="quarter" idx="4294967295"/>
          </p:nvPr>
        </p:nvSpPr>
        <p:spPr>
          <a:xfrm>
            <a:off x="266400" y="6555600"/>
            <a:ext cx="8852400" cy="212400"/>
          </a:xfrm>
        </p:spPr>
        <p:txBody>
          <a:bodyPr/>
          <a:lstStyle/>
          <a:p>
            <a:endParaRPr lang="en-US" dirty="0"/>
          </a:p>
        </p:txBody>
      </p:sp>
      <p:sp>
        <p:nvSpPr>
          <p:cNvPr id="3" name="Slide Number Placeholder 2">
            <a:extLst>
              <a:ext uri="{FF2B5EF4-FFF2-40B4-BE49-F238E27FC236}">
                <a16:creationId xmlns:a16="http://schemas.microsoft.com/office/drawing/2014/main" id="{61072613-07BE-4C06-9345-784A1501CD96}"/>
              </a:ext>
            </a:extLst>
          </p:cNvPr>
          <p:cNvSpPr>
            <a:spLocks noGrp="1"/>
          </p:cNvSpPr>
          <p:nvPr>
            <p:ph type="sldNum" sz="quarter" idx="4294967295"/>
          </p:nvPr>
        </p:nvSpPr>
        <p:spPr>
          <a:xfrm>
            <a:off x="11415600" y="6555600"/>
            <a:ext cx="651600" cy="306000"/>
          </a:xfrm>
          <a:prstGeom prst="rect">
            <a:avLst/>
          </a:prstGeom>
        </p:spPr>
        <p:txBody>
          <a:bodyPr/>
          <a:lstStyle/>
          <a:p>
            <a:fld id="{C24EC536-6FE3-4540-8D85-74C58F0BF697}" type="slidenum">
              <a:rPr lang="en-US" smtClean="0"/>
              <a:pPr/>
              <a:t>12</a:t>
            </a:fld>
            <a:endParaRPr lang="en-US" dirty="0"/>
          </a:p>
        </p:txBody>
      </p:sp>
    </p:spTree>
    <p:extLst>
      <p:ext uri="{BB962C8B-B14F-4D97-AF65-F5344CB8AC3E}">
        <p14:creationId xmlns:p14="http://schemas.microsoft.com/office/powerpoint/2010/main" val="69562584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70E9C3C0-DCC1-4184-9BC2-FEA75B4EA465}"/>
              </a:ext>
            </a:extLst>
          </p:cNvPr>
          <p:cNvSpPr>
            <a:spLocks noGrp="1"/>
          </p:cNvSpPr>
          <p:nvPr>
            <p:ph type="ftr" sz="quarter" idx="11"/>
          </p:nvPr>
        </p:nvSpPr>
        <p:spPr>
          <a:xfrm>
            <a:off x="266400" y="6555600"/>
            <a:ext cx="8852400" cy="212400"/>
          </a:xfrm>
          <a:prstGeom prst="rect">
            <a:avLst/>
          </a:prstGeom>
        </p:spPr>
        <p:txBody>
          <a:bodyPr vert="horz" lIns="0" tIns="0" rIns="0" bIns="0" rtlCol="0" anchor="b"/>
          <a:lstStyle>
            <a:defPPr>
              <a:defRPr lang="en-US"/>
            </a:defPPr>
            <a:lvl1pPr marL="0" algn="l" defTabSz="914400" rtl="0" eaLnBrk="1" latinLnBrk="0" hangingPunct="1">
              <a:defRPr sz="800" kern="1200">
                <a:solidFill>
                  <a:schemeClr val="accent4"/>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dirty="0"/>
          </a:p>
        </p:txBody>
      </p:sp>
      <p:sp>
        <p:nvSpPr>
          <p:cNvPr id="19" name="Title 18">
            <a:extLst>
              <a:ext uri="{FF2B5EF4-FFF2-40B4-BE49-F238E27FC236}">
                <a16:creationId xmlns:a16="http://schemas.microsoft.com/office/drawing/2014/main" id="{F1F220B2-F852-4E42-B60F-C79BD61EE043}"/>
              </a:ext>
            </a:extLst>
          </p:cNvPr>
          <p:cNvSpPr>
            <a:spLocks noGrp="1"/>
          </p:cNvSpPr>
          <p:nvPr>
            <p:ph type="title"/>
          </p:nvPr>
        </p:nvSpPr>
        <p:spPr/>
        <p:txBody>
          <a:bodyPr/>
          <a:lstStyle/>
          <a:p>
            <a:r>
              <a:rPr lang="en-US" dirty="0"/>
              <a:t>Energy Planning &amp; Trading (EPT)</a:t>
            </a:r>
          </a:p>
        </p:txBody>
      </p:sp>
      <p:sp>
        <p:nvSpPr>
          <p:cNvPr id="22" name="Rectangle 21">
            <a:extLst>
              <a:ext uri="{FF2B5EF4-FFF2-40B4-BE49-F238E27FC236}">
                <a16:creationId xmlns:a16="http://schemas.microsoft.com/office/drawing/2014/main" id="{11D82663-A52C-45F3-92C4-82D23728F0EC}"/>
              </a:ext>
            </a:extLst>
          </p:cNvPr>
          <p:cNvSpPr/>
          <p:nvPr/>
        </p:nvSpPr>
        <p:spPr bwMode="gray">
          <a:xfrm>
            <a:off x="741923" y="1646291"/>
            <a:ext cx="2926080" cy="1737360"/>
          </a:xfrm>
          <a:prstGeom prst="rect">
            <a:avLst/>
          </a:prstGeom>
          <a:gradFill flip="none" rotWithShape="1">
            <a:gsLst>
              <a:gs pos="0">
                <a:schemeClr val="accent6"/>
              </a:gs>
              <a:gs pos="100000">
                <a:schemeClr val="bg1">
                  <a:shade val="100000"/>
                  <a:satMod val="115000"/>
                </a:schemeClr>
              </a:gs>
            </a:gsLst>
            <a:lin ang="2700000" scaled="1"/>
            <a:tileRect/>
          </a:gra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err="1">
              <a:ln>
                <a:noFill/>
              </a:ln>
              <a:solidFill>
                <a:srgbClr val="FFFFFF"/>
              </a:solidFill>
              <a:effectLst/>
              <a:uLnTx/>
              <a:uFillTx/>
              <a:latin typeface="ABBvoice"/>
              <a:ea typeface="ABBvoice"/>
              <a:cs typeface="ABBvoice"/>
            </a:endParaRPr>
          </a:p>
        </p:txBody>
      </p:sp>
      <p:sp>
        <p:nvSpPr>
          <p:cNvPr id="25" name="TextBox 24">
            <a:extLst>
              <a:ext uri="{FF2B5EF4-FFF2-40B4-BE49-F238E27FC236}">
                <a16:creationId xmlns:a16="http://schemas.microsoft.com/office/drawing/2014/main" id="{78A612DC-078C-40F9-A6A1-8145047478F4}"/>
              </a:ext>
            </a:extLst>
          </p:cNvPr>
          <p:cNvSpPr txBox="1"/>
          <p:nvPr/>
        </p:nvSpPr>
        <p:spPr bwMode="gray">
          <a:xfrm>
            <a:off x="934026" y="2916891"/>
            <a:ext cx="2541874" cy="382138"/>
          </a:xfrm>
          <a:prstGeom prst="rect">
            <a:avLst/>
          </a:prstGeom>
          <a:noFill/>
        </p:spPr>
        <p:txBody>
          <a:bodyPr wrap="none" lIns="72000" tIns="72000" rIns="72000" bIns="72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000F"/>
                </a:solidFill>
                <a:effectLst/>
                <a:uLnTx/>
                <a:uFillTx/>
                <a:latin typeface="ABBvoice"/>
                <a:ea typeface="ABBvoice"/>
                <a:cs typeface="ABBvoice"/>
              </a:rPr>
              <a:t>Energy Market Intelligence</a:t>
            </a: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400" b="1" dirty="0">
                <a:latin typeface="ABBvoice"/>
                <a:ea typeface="ABBvoice"/>
                <a:cs typeface="ABBvoice"/>
              </a:rPr>
              <a:t>(Data and Advisory)</a:t>
            </a:r>
            <a:endParaRPr kumimoji="0" lang="en-US" sz="1400" b="1" i="0" u="none" strike="noStrike" kern="1200" cap="none" spc="0" normalizeH="0" baseline="0" noProof="0" dirty="0">
              <a:ln>
                <a:noFill/>
              </a:ln>
              <a:effectLst/>
              <a:uLnTx/>
              <a:uFillTx/>
              <a:latin typeface="ABBvoice"/>
              <a:ea typeface="ABBvoice"/>
              <a:cs typeface="ABBvoice"/>
            </a:endParaRPr>
          </a:p>
        </p:txBody>
      </p:sp>
      <p:sp>
        <p:nvSpPr>
          <p:cNvPr id="27" name="Rectangle 26">
            <a:extLst>
              <a:ext uri="{FF2B5EF4-FFF2-40B4-BE49-F238E27FC236}">
                <a16:creationId xmlns:a16="http://schemas.microsoft.com/office/drawing/2014/main" id="{928DD65E-0E38-43DB-B06D-B8E8F8D7295D}"/>
              </a:ext>
            </a:extLst>
          </p:cNvPr>
          <p:cNvSpPr/>
          <p:nvPr/>
        </p:nvSpPr>
        <p:spPr bwMode="gray">
          <a:xfrm>
            <a:off x="4579784" y="1646291"/>
            <a:ext cx="2926080" cy="1737360"/>
          </a:xfrm>
          <a:prstGeom prst="rect">
            <a:avLst/>
          </a:prstGeom>
          <a:gradFill flip="none" rotWithShape="1">
            <a:gsLst>
              <a:gs pos="0">
                <a:schemeClr val="accent6"/>
              </a:gs>
              <a:gs pos="100000">
                <a:schemeClr val="bg1">
                  <a:shade val="100000"/>
                  <a:satMod val="115000"/>
                </a:schemeClr>
              </a:gs>
            </a:gsLst>
            <a:lin ang="2700000" scaled="1"/>
            <a:tileRect/>
          </a:gra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err="1">
              <a:ln>
                <a:noFill/>
              </a:ln>
              <a:solidFill>
                <a:srgbClr val="FFFFFF"/>
              </a:solidFill>
              <a:effectLst/>
              <a:uLnTx/>
              <a:uFillTx/>
              <a:latin typeface="ABBvoice"/>
              <a:ea typeface="ABBvoice"/>
              <a:cs typeface="ABBvoice"/>
            </a:endParaRPr>
          </a:p>
        </p:txBody>
      </p:sp>
      <p:pic>
        <p:nvPicPr>
          <p:cNvPr id="32" name="Picture 31">
            <a:extLst>
              <a:ext uri="{FF2B5EF4-FFF2-40B4-BE49-F238E27FC236}">
                <a16:creationId xmlns:a16="http://schemas.microsoft.com/office/drawing/2014/main" id="{BF354A62-05A5-4CC1-B109-D15F3B9C9FD4}"/>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273040" y="1797645"/>
            <a:ext cx="822960" cy="822960"/>
          </a:xfrm>
          <a:prstGeom prst="rect">
            <a:avLst/>
          </a:prstGeom>
          <a:noFill/>
        </p:spPr>
      </p:pic>
      <p:sp>
        <p:nvSpPr>
          <p:cNvPr id="30" name="TextBox 29">
            <a:extLst>
              <a:ext uri="{FF2B5EF4-FFF2-40B4-BE49-F238E27FC236}">
                <a16:creationId xmlns:a16="http://schemas.microsoft.com/office/drawing/2014/main" id="{15D5BFBC-E6AB-49EA-8514-08FFDEDB0A8B}"/>
              </a:ext>
            </a:extLst>
          </p:cNvPr>
          <p:cNvSpPr txBox="1"/>
          <p:nvPr/>
        </p:nvSpPr>
        <p:spPr bwMode="gray">
          <a:xfrm>
            <a:off x="4771887" y="2916891"/>
            <a:ext cx="2541874" cy="382138"/>
          </a:xfrm>
          <a:prstGeom prst="rect">
            <a:avLst/>
          </a:prstGeom>
          <a:noFill/>
        </p:spPr>
        <p:txBody>
          <a:bodyPr wrap="none" lIns="72000" tIns="72000" rIns="72000" bIns="72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000F"/>
                </a:solidFill>
                <a:effectLst/>
                <a:uLnTx/>
                <a:uFillTx/>
                <a:latin typeface="ABBvoice"/>
                <a:ea typeface="ABBvoice"/>
                <a:cs typeface="ABBvoice"/>
              </a:rPr>
              <a:t>Energy Portfolio Analytics</a:t>
            </a: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400" b="1" dirty="0">
                <a:latin typeface="ABBvoice"/>
                <a:ea typeface="ABBvoice"/>
                <a:cs typeface="ABBvoice"/>
              </a:rPr>
              <a:t>(Software)</a:t>
            </a:r>
            <a:endParaRPr kumimoji="0" lang="en-US" sz="1400" b="1" i="0" u="none" strike="noStrike" kern="1200" cap="none" spc="0" normalizeH="0" baseline="0" noProof="0" dirty="0">
              <a:ln>
                <a:noFill/>
              </a:ln>
              <a:effectLst/>
              <a:uLnTx/>
              <a:uFillTx/>
              <a:latin typeface="ABBvoice"/>
              <a:ea typeface="ABBvoice"/>
              <a:cs typeface="ABBvoice"/>
            </a:endParaRPr>
          </a:p>
        </p:txBody>
      </p:sp>
      <p:sp>
        <p:nvSpPr>
          <p:cNvPr id="34" name="Rectangle 33">
            <a:extLst>
              <a:ext uri="{FF2B5EF4-FFF2-40B4-BE49-F238E27FC236}">
                <a16:creationId xmlns:a16="http://schemas.microsoft.com/office/drawing/2014/main" id="{BB05E786-65CF-438B-8BA0-74BC80AB4F96}"/>
              </a:ext>
            </a:extLst>
          </p:cNvPr>
          <p:cNvSpPr/>
          <p:nvPr/>
        </p:nvSpPr>
        <p:spPr bwMode="gray">
          <a:xfrm>
            <a:off x="8417644" y="1646291"/>
            <a:ext cx="2926080" cy="1737360"/>
          </a:xfrm>
          <a:prstGeom prst="rect">
            <a:avLst/>
          </a:prstGeom>
          <a:gradFill flip="none" rotWithShape="1">
            <a:gsLst>
              <a:gs pos="0">
                <a:schemeClr val="accent6"/>
              </a:gs>
              <a:gs pos="100000">
                <a:schemeClr val="bg1">
                  <a:shade val="100000"/>
                  <a:satMod val="115000"/>
                </a:schemeClr>
              </a:gs>
            </a:gsLst>
            <a:lin ang="2700000" scaled="1"/>
            <a:tileRect/>
          </a:gra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err="1">
              <a:ln>
                <a:noFill/>
              </a:ln>
              <a:solidFill>
                <a:srgbClr val="FFFFFF"/>
              </a:solidFill>
              <a:effectLst/>
              <a:uLnTx/>
              <a:uFillTx/>
              <a:latin typeface="ABBvoice"/>
              <a:ea typeface="ABBvoice"/>
              <a:cs typeface="ABBvoice"/>
            </a:endParaRPr>
          </a:p>
        </p:txBody>
      </p:sp>
      <p:pic>
        <p:nvPicPr>
          <p:cNvPr id="38" name="Picture 37">
            <a:extLst>
              <a:ext uri="{FF2B5EF4-FFF2-40B4-BE49-F238E27FC236}">
                <a16:creationId xmlns:a16="http://schemas.microsoft.com/office/drawing/2014/main" id="{70A88176-5349-456F-A1CC-99695D31021E}"/>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9399753" y="1843365"/>
            <a:ext cx="731520" cy="731520"/>
          </a:xfrm>
          <a:prstGeom prst="rect">
            <a:avLst/>
          </a:prstGeom>
        </p:spPr>
      </p:pic>
      <p:sp>
        <p:nvSpPr>
          <p:cNvPr id="37" name="TextBox 36">
            <a:extLst>
              <a:ext uri="{FF2B5EF4-FFF2-40B4-BE49-F238E27FC236}">
                <a16:creationId xmlns:a16="http://schemas.microsoft.com/office/drawing/2014/main" id="{8950DB72-B105-461F-A769-0F8CDCFE99D4}"/>
              </a:ext>
            </a:extLst>
          </p:cNvPr>
          <p:cNvSpPr txBox="1"/>
          <p:nvPr/>
        </p:nvSpPr>
        <p:spPr bwMode="gray">
          <a:xfrm>
            <a:off x="8609747" y="2916891"/>
            <a:ext cx="2541874" cy="382138"/>
          </a:xfrm>
          <a:prstGeom prst="rect">
            <a:avLst/>
          </a:prstGeom>
          <a:noFill/>
        </p:spPr>
        <p:txBody>
          <a:bodyPr wrap="none" lIns="72000" tIns="72000" rIns="72000" bIns="72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FF000F"/>
                </a:solidFill>
                <a:effectLst/>
                <a:uLnTx/>
                <a:uFillTx/>
                <a:latin typeface="ABBvoice"/>
                <a:ea typeface="ABBvoice"/>
                <a:cs typeface="ABBvoice"/>
              </a:rPr>
              <a:t>Energy Trading/Auditing</a:t>
            </a: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400" b="1" dirty="0">
                <a:latin typeface="ABBvoice"/>
                <a:ea typeface="ABBvoice"/>
                <a:cs typeface="ABBvoice"/>
              </a:rPr>
              <a:t>(Software)</a:t>
            </a:r>
            <a:endParaRPr kumimoji="0" lang="en-US" sz="1400" b="1" i="0" u="none" strike="noStrike" kern="1200" cap="none" spc="0" normalizeH="0" baseline="0" noProof="0" dirty="0">
              <a:ln>
                <a:noFill/>
              </a:ln>
              <a:effectLst/>
              <a:uLnTx/>
              <a:uFillTx/>
              <a:latin typeface="ABBvoice"/>
              <a:ea typeface="ABBvoice"/>
              <a:cs typeface="ABBvoice"/>
            </a:endParaRPr>
          </a:p>
        </p:txBody>
      </p:sp>
      <p:sp>
        <p:nvSpPr>
          <p:cNvPr id="40" name="TextBox 39">
            <a:extLst>
              <a:ext uri="{FF2B5EF4-FFF2-40B4-BE49-F238E27FC236}">
                <a16:creationId xmlns:a16="http://schemas.microsoft.com/office/drawing/2014/main" id="{24D04C7E-9417-4333-A4E2-8DF12643D5B4}"/>
              </a:ext>
            </a:extLst>
          </p:cNvPr>
          <p:cNvSpPr txBox="1"/>
          <p:nvPr/>
        </p:nvSpPr>
        <p:spPr bwMode="gray">
          <a:xfrm>
            <a:off x="741924" y="3637729"/>
            <a:ext cx="2926080" cy="2552056"/>
          </a:xfrm>
          <a:prstGeom prst="rect">
            <a:avLst/>
          </a:prstGeom>
          <a:noFill/>
        </p:spPr>
        <p:txBody>
          <a:bodyPr wrap="square" lIns="72000" tIns="72000" rIns="72000" bIns="72000" rtlCol="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000000"/>
                </a:solidFill>
                <a:effectLst/>
                <a:uLnTx/>
                <a:uFillTx/>
                <a:latin typeface="ABBvoice"/>
                <a:ea typeface="ABBvoice"/>
                <a:cs typeface="ABBvoice"/>
              </a:rPr>
              <a:t>From historic data analysis to 40 year ahead outlook</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dirty="0">
              <a:ln>
                <a:noFill/>
              </a:ln>
              <a:solidFill>
                <a:srgbClr val="000000"/>
              </a:solidFill>
              <a:effectLst/>
              <a:uLnTx/>
              <a:uFillTx/>
              <a:ea typeface="ABBvoice"/>
              <a:cs typeface="ABBvoice"/>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200" b="0" i="0" u="none" strike="noStrike" kern="1200" cap="none" spc="0" normalizeH="0" baseline="0" noProof="0" dirty="0">
                <a:ln>
                  <a:noFill/>
                </a:ln>
                <a:solidFill>
                  <a:srgbClr val="000000"/>
                </a:solidFill>
                <a:effectLst/>
                <a:uLnTx/>
                <a:uFillTx/>
                <a:ea typeface="ABBvoice"/>
                <a:cs typeface="ABBvoice"/>
              </a:rPr>
              <a:t>Independent market reports with electricity and commodity price forecasts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1200" b="0" i="0" u="none" strike="noStrike" kern="1200" cap="none" spc="0" normalizeH="0" baseline="0" noProof="0" dirty="0">
              <a:ln>
                <a:noFill/>
              </a:ln>
              <a:solidFill>
                <a:srgbClr val="000000"/>
              </a:solidFill>
              <a:effectLst/>
              <a:highlight>
                <a:srgbClr val="FFFF00"/>
              </a:highlight>
              <a:uLnTx/>
              <a:uFillTx/>
              <a:ea typeface="ABBvoice"/>
              <a:cs typeface="ABBvoice"/>
            </a:endParaRPr>
          </a:p>
          <a:p>
            <a:pPr marL="170815" indent="-170815">
              <a:buFont typeface="Arial" panose="020B0604020202020204" pitchFamily="34" charset="0"/>
              <a:buChar char="•"/>
            </a:pPr>
            <a:r>
              <a:rPr lang="en-US" sz="1200" dirty="0">
                <a:cs typeface="Arial" panose="020B0604020202020204" pitchFamily="34" charset="0"/>
              </a:rPr>
              <a:t>Consulting services:</a:t>
            </a:r>
          </a:p>
          <a:p>
            <a:pPr marL="536575" lvl="1" indent="-176213">
              <a:buFont typeface="ABBvoiceOffice" panose="020B0604020202020204" charset="0"/>
              <a:buChar char="-"/>
            </a:pPr>
            <a:r>
              <a:rPr lang="en-US" sz="1200" dirty="0">
                <a:cs typeface="Arial" panose="020B0604020202020204" pitchFamily="34" charset="0"/>
              </a:rPr>
              <a:t>bespoke market analysis </a:t>
            </a:r>
          </a:p>
          <a:p>
            <a:pPr marL="536575" lvl="1" indent="-176213">
              <a:buFont typeface="ABBvoiceOffice" panose="020B0604020202020204" charset="0"/>
              <a:buChar char="-"/>
            </a:pPr>
            <a:r>
              <a:rPr lang="en-US" sz="1200" dirty="0">
                <a:cs typeface="Arial" panose="020B0604020202020204" pitchFamily="34" charset="0"/>
              </a:rPr>
              <a:t>due diligence of assets</a:t>
            </a:r>
            <a:endParaRPr lang="en-US" sz="1200" dirty="0">
              <a:solidFill>
                <a:srgbClr val="000000"/>
              </a:solidFill>
              <a:ea typeface="ABBvoice"/>
              <a:cs typeface="Arial" panose="020B0604020202020204" pitchFamily="34" charset="0"/>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1200" b="0" i="0" u="none" strike="noStrike" kern="1200" cap="none" spc="0" normalizeH="0" baseline="0" noProof="0" dirty="0">
              <a:ln>
                <a:noFill/>
              </a:ln>
              <a:solidFill>
                <a:srgbClr val="000000"/>
              </a:solidFill>
              <a:effectLst/>
              <a:uLnTx/>
              <a:uFillTx/>
              <a:latin typeface="ABBvoice"/>
              <a:ea typeface="ABBvoice"/>
              <a:cs typeface="ABBvoice"/>
            </a:endParaRPr>
          </a:p>
        </p:txBody>
      </p:sp>
      <p:sp>
        <p:nvSpPr>
          <p:cNvPr id="41" name="TextBox 40">
            <a:extLst>
              <a:ext uri="{FF2B5EF4-FFF2-40B4-BE49-F238E27FC236}">
                <a16:creationId xmlns:a16="http://schemas.microsoft.com/office/drawing/2014/main" id="{EBD9CBB3-1541-4059-8002-323EF4D391B8}"/>
              </a:ext>
            </a:extLst>
          </p:cNvPr>
          <p:cNvSpPr txBox="1"/>
          <p:nvPr/>
        </p:nvSpPr>
        <p:spPr bwMode="gray">
          <a:xfrm>
            <a:off x="4579784" y="3637728"/>
            <a:ext cx="3310182" cy="2458271"/>
          </a:xfrm>
          <a:prstGeom prst="rect">
            <a:avLst/>
          </a:prstGeom>
          <a:noFill/>
        </p:spPr>
        <p:txBody>
          <a:bodyPr wrap="square" lIns="72000" tIns="72000" rIns="72000" bIns="72000" rtlCol="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000000"/>
                </a:solidFill>
                <a:effectLst/>
                <a:uLnTx/>
                <a:uFillTx/>
                <a:latin typeface="ABBvoice"/>
                <a:ea typeface="ABBvoice"/>
                <a:cs typeface="ABBvoice"/>
              </a:rPr>
              <a:t>Simulation supporting strategic planning and operational optimization</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dirty="0">
              <a:ln>
                <a:noFill/>
              </a:ln>
              <a:solidFill>
                <a:srgbClr val="000000"/>
              </a:solidFill>
              <a:effectLst/>
              <a:uLnTx/>
              <a:uFillTx/>
              <a:ea typeface="ABBvoice"/>
              <a:cs typeface="ABBvoice"/>
            </a:endParaRPr>
          </a:p>
          <a:p>
            <a:pPr marL="171450" marR="0" lvl="0" indent="-17145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200" b="0" i="0" u="none" strike="noStrike" kern="1200" cap="none" spc="0" normalizeH="0" baseline="0" noProof="0" dirty="0">
                <a:ln>
                  <a:noFill/>
                </a:ln>
                <a:solidFill>
                  <a:srgbClr val="000000"/>
                </a:solidFill>
                <a:effectLst/>
                <a:uLnTx/>
                <a:uFillTx/>
                <a:ea typeface="ABBvoice"/>
                <a:cs typeface="ABBvoice"/>
              </a:rPr>
              <a:t>Portfolio </a:t>
            </a:r>
            <a:r>
              <a:rPr kumimoji="0" lang="en-US" sz="1200" b="0" i="0" u="none" strike="noStrike" kern="1200" cap="none" spc="0" normalizeH="0" baseline="0" noProof="0" dirty="0" err="1">
                <a:ln>
                  <a:noFill/>
                </a:ln>
                <a:solidFill>
                  <a:srgbClr val="000000"/>
                </a:solidFill>
                <a:effectLst/>
                <a:uLnTx/>
                <a:uFillTx/>
                <a:ea typeface="ABBvoice"/>
                <a:cs typeface="ABBvoice"/>
              </a:rPr>
              <a:t>optimisation</a:t>
            </a:r>
            <a:endParaRPr kumimoji="0" lang="en-US" sz="1200" b="0" i="0" u="none" strike="noStrike" kern="1200" cap="none" spc="0" normalizeH="0" baseline="0" noProof="0" dirty="0">
              <a:ln>
                <a:noFill/>
              </a:ln>
              <a:solidFill>
                <a:srgbClr val="000000"/>
              </a:solidFill>
              <a:effectLst/>
              <a:uLnTx/>
              <a:uFillTx/>
              <a:ea typeface="ABBvoice"/>
              <a:cs typeface="ABBvoice"/>
            </a:endParaRPr>
          </a:p>
          <a:p>
            <a:pPr marL="171450" marR="0" lvl="0" indent="-17145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200" b="0" i="0" u="none" strike="noStrike" kern="1200" cap="none" spc="0" normalizeH="0" baseline="0" noProof="0" dirty="0">
                <a:ln>
                  <a:noFill/>
                </a:ln>
                <a:solidFill>
                  <a:srgbClr val="000000"/>
                </a:solidFill>
                <a:effectLst/>
                <a:uLnTx/>
                <a:uFillTx/>
                <a:ea typeface="ABBvoice"/>
                <a:cs typeface="ABBvoice"/>
              </a:rPr>
              <a:t>Power market simulation with optimal UC &amp; dispatch</a:t>
            </a:r>
          </a:p>
          <a:p>
            <a:pPr marL="171450" marR="0" lvl="0" indent="-17145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200" b="0" i="0" u="none" strike="noStrike" kern="1200" cap="none" spc="0" normalizeH="0" baseline="0" noProof="0" dirty="0">
                <a:ln>
                  <a:noFill/>
                </a:ln>
                <a:solidFill>
                  <a:srgbClr val="000000"/>
                </a:solidFill>
                <a:effectLst/>
                <a:uLnTx/>
                <a:uFillTx/>
                <a:ea typeface="ABBvoice"/>
                <a:cs typeface="ABBvoice"/>
              </a:rPr>
              <a:t>Long term portfolio planning</a:t>
            </a:r>
          </a:p>
          <a:p>
            <a:pPr marL="171450" marR="0" lvl="0" indent="-17145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200" b="0" i="0" u="none" strike="noStrike" kern="1200" cap="none" spc="0" normalizeH="0" baseline="0" noProof="0" dirty="0">
                <a:ln>
                  <a:noFill/>
                </a:ln>
                <a:solidFill>
                  <a:srgbClr val="000000"/>
                </a:solidFill>
                <a:effectLst/>
                <a:uLnTx/>
                <a:uFillTx/>
                <a:ea typeface="ABBvoice"/>
                <a:cs typeface="ABBvoice"/>
              </a:rPr>
              <a:t>Risk analytics</a:t>
            </a:r>
          </a:p>
          <a:p>
            <a:pPr marL="171450" marR="0" lvl="0" indent="-17145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200" b="0" i="0" u="none" strike="noStrike" kern="1200" cap="none" spc="0" normalizeH="0" baseline="0" noProof="0" dirty="0">
                <a:ln>
                  <a:noFill/>
                </a:ln>
                <a:solidFill>
                  <a:srgbClr val="000000"/>
                </a:solidFill>
                <a:effectLst/>
                <a:uLnTx/>
                <a:uFillTx/>
                <a:ea typeface="ABBvoice"/>
                <a:cs typeface="ABBvoice"/>
              </a:rPr>
              <a:t>Load / renewable generation forecasting</a:t>
            </a:r>
          </a:p>
        </p:txBody>
      </p:sp>
      <p:sp>
        <p:nvSpPr>
          <p:cNvPr id="42" name="TextBox 41">
            <a:extLst>
              <a:ext uri="{FF2B5EF4-FFF2-40B4-BE49-F238E27FC236}">
                <a16:creationId xmlns:a16="http://schemas.microsoft.com/office/drawing/2014/main" id="{86BFC0A8-3B98-40C6-9827-000FED1A6BC7}"/>
              </a:ext>
            </a:extLst>
          </p:cNvPr>
          <p:cNvSpPr txBox="1"/>
          <p:nvPr/>
        </p:nvSpPr>
        <p:spPr bwMode="gray">
          <a:xfrm>
            <a:off x="8417644" y="3637729"/>
            <a:ext cx="2926080" cy="2194560"/>
          </a:xfrm>
          <a:prstGeom prst="rect">
            <a:avLst/>
          </a:prstGeom>
          <a:noFill/>
        </p:spPr>
        <p:txBody>
          <a:bodyPr wrap="square" lIns="72000" tIns="72000" rIns="72000" bIns="72000" rtlCol="0" anchor="t">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rgbClr val="000000"/>
                </a:solidFill>
                <a:effectLst/>
                <a:uLnTx/>
                <a:uFillTx/>
                <a:latin typeface="ABBvoice"/>
                <a:ea typeface="ABBvoice"/>
                <a:cs typeface="ABBvoice"/>
              </a:rPr>
              <a:t>Automation and analytics for market operation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dirty="0">
              <a:ln>
                <a:noFill/>
              </a:ln>
              <a:solidFill>
                <a:srgbClr val="000000"/>
              </a:solidFill>
              <a:effectLst/>
              <a:uLnTx/>
              <a:uFillTx/>
              <a:latin typeface="ABBvoice"/>
              <a:ea typeface="ABBvoice"/>
              <a:cs typeface="ABBvoice"/>
            </a:endParaRPr>
          </a:p>
          <a:p>
            <a:pPr marL="171450" marR="0" lvl="0" indent="-17145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200" b="0" i="0" u="none" strike="noStrike" kern="1200" cap="none" spc="0" normalizeH="0" baseline="0" noProof="0" dirty="0">
                <a:ln>
                  <a:noFill/>
                </a:ln>
                <a:solidFill>
                  <a:srgbClr val="000000"/>
                </a:solidFill>
                <a:effectLst/>
                <a:uLnTx/>
                <a:uFillTx/>
                <a:ea typeface="ABBvoice"/>
                <a:cs typeface="ABBvoice"/>
              </a:rPr>
              <a:t>Front-Mid-Back Office C/ETRM</a:t>
            </a:r>
          </a:p>
          <a:p>
            <a:pPr marL="171450" marR="0" lvl="0" indent="-17145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200" b="0" i="0" u="none" strike="noStrike" kern="1200" cap="none" spc="0" normalizeH="0" baseline="0" noProof="0" dirty="0">
                <a:ln>
                  <a:noFill/>
                </a:ln>
                <a:solidFill>
                  <a:srgbClr val="000000"/>
                </a:solidFill>
                <a:effectLst/>
                <a:uLnTx/>
                <a:uFillTx/>
                <a:ea typeface="ABBvoice"/>
                <a:cs typeface="ABBvoice"/>
              </a:rPr>
              <a:t>End-to-end system for ISO/PX market operations</a:t>
            </a:r>
            <a:endParaRPr lang="en-US" sz="1200" b="0" i="0" u="none" strike="noStrike" kern="1200" cap="none" spc="0" normalizeH="0" baseline="0" noProof="0" dirty="0">
              <a:ln>
                <a:noFill/>
              </a:ln>
              <a:solidFill>
                <a:srgbClr val="000000"/>
              </a:solidFill>
              <a:effectLst/>
              <a:uLnTx/>
              <a:uFillTx/>
              <a:ea typeface="ABBvoice"/>
              <a:cs typeface="ABBvoice"/>
            </a:endParaRPr>
          </a:p>
          <a:p>
            <a:pPr marL="171450" marR="0" lvl="0" indent="-17145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200" b="0" i="0" u="none" strike="noStrike" kern="1200" cap="none" spc="0" normalizeH="0" baseline="0" noProof="0" dirty="0">
                <a:ln>
                  <a:noFill/>
                </a:ln>
                <a:solidFill>
                  <a:srgbClr val="000000"/>
                </a:solidFill>
                <a:effectLst/>
                <a:uLnTx/>
                <a:uFillTx/>
                <a:ea typeface="ABBvoice"/>
                <a:cs typeface="ABBvoice"/>
              </a:rPr>
              <a:t>Bidding and settlements</a:t>
            </a:r>
            <a:endParaRPr lang="en-US" sz="1200" b="0" i="0" u="none" strike="noStrike" kern="1200" cap="none" spc="0" normalizeH="0" baseline="0" noProof="0" dirty="0">
              <a:ln>
                <a:noFill/>
              </a:ln>
              <a:solidFill>
                <a:srgbClr val="000000"/>
              </a:solidFill>
              <a:effectLst/>
              <a:uLnTx/>
              <a:uFillTx/>
              <a:ea typeface="ABBvoice"/>
              <a:cs typeface="ABBvoice"/>
            </a:endParaRPr>
          </a:p>
          <a:p>
            <a:pPr marL="171450" indent="-171450">
              <a:spcBef>
                <a:spcPts val="600"/>
              </a:spcBef>
              <a:buFont typeface="Arial" panose="020B0604020202020204" pitchFamily="34" charset="0"/>
              <a:buChar char="•"/>
              <a:defRPr/>
            </a:pPr>
            <a:r>
              <a:rPr lang="en-US" sz="1200" dirty="0">
                <a:solidFill>
                  <a:srgbClr val="000000"/>
                </a:solidFill>
                <a:ea typeface="ABBvoice"/>
                <a:cs typeface="ABBvoice"/>
              </a:rPr>
              <a:t>Energy accounting</a:t>
            </a:r>
            <a:endParaRPr lang="en-US" dirty="0"/>
          </a:p>
          <a:p>
            <a:pPr marL="171450" indent="-171450">
              <a:spcBef>
                <a:spcPts val="600"/>
              </a:spcBef>
              <a:buFont typeface="Arial" panose="020B0604020202020204" pitchFamily="34" charset="0"/>
              <a:buChar char="•"/>
              <a:defRPr/>
            </a:pPr>
            <a:r>
              <a:rPr lang="en-US" sz="1200" dirty="0">
                <a:solidFill>
                  <a:srgbClr val="000000"/>
                </a:solidFill>
                <a:ea typeface="ABBvoice"/>
                <a:cs typeface="ABBvoice"/>
              </a:rPr>
              <a:t>PPA and complex </a:t>
            </a:r>
            <a:r>
              <a:rPr kumimoji="0" lang="en-US" sz="1200" b="0" i="0" u="none" strike="noStrike" kern="1200" cap="none" spc="0" normalizeH="0" baseline="0" noProof="0" dirty="0">
                <a:ln>
                  <a:noFill/>
                </a:ln>
                <a:solidFill>
                  <a:srgbClr val="000000"/>
                </a:solidFill>
                <a:effectLst/>
                <a:uLnTx/>
                <a:uFillTx/>
                <a:ea typeface="ABBvoice"/>
                <a:cs typeface="ABBvoice"/>
              </a:rPr>
              <a:t>contract operations</a:t>
            </a:r>
          </a:p>
        </p:txBody>
      </p:sp>
      <p:pic>
        <p:nvPicPr>
          <p:cNvPr id="5" name="Graphic 4" descr="Wind Turbines outline">
            <a:extLst>
              <a:ext uri="{FF2B5EF4-FFF2-40B4-BE49-F238E27FC236}">
                <a16:creationId xmlns:a16="http://schemas.microsoft.com/office/drawing/2014/main" id="{64937A66-CA4D-40A9-AD4C-28B3E1EE70C9}"/>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5903412" y="2103120"/>
            <a:ext cx="691088" cy="691088"/>
          </a:xfrm>
          <a:prstGeom prst="rect">
            <a:avLst/>
          </a:prstGeom>
        </p:spPr>
      </p:pic>
      <p:pic>
        <p:nvPicPr>
          <p:cNvPr id="7" name="Graphic 6" descr="Female Profile outline">
            <a:extLst>
              <a:ext uri="{FF2B5EF4-FFF2-40B4-BE49-F238E27FC236}">
                <a16:creationId xmlns:a16="http://schemas.microsoft.com/office/drawing/2014/main" id="{81C4B14B-64ED-4553-90ED-BFDDED8E99A4}"/>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9981268" y="2149208"/>
            <a:ext cx="731520" cy="731520"/>
          </a:xfrm>
          <a:prstGeom prst="rect">
            <a:avLst/>
          </a:prstGeom>
        </p:spPr>
      </p:pic>
      <p:pic>
        <p:nvPicPr>
          <p:cNvPr id="9" name="Graphic 8" descr="Office worker male outline">
            <a:extLst>
              <a:ext uri="{FF2B5EF4-FFF2-40B4-BE49-F238E27FC236}">
                <a16:creationId xmlns:a16="http://schemas.microsoft.com/office/drawing/2014/main" id="{F7388676-487F-480D-A103-D4E2AF50492F}"/>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2065978" y="2010761"/>
            <a:ext cx="914400" cy="914400"/>
          </a:xfrm>
          <a:prstGeom prst="rect">
            <a:avLst/>
          </a:prstGeom>
        </p:spPr>
      </p:pic>
      <p:pic>
        <p:nvPicPr>
          <p:cNvPr id="11" name="Graphic 10" descr="Internet with solid fill">
            <a:extLst>
              <a:ext uri="{FF2B5EF4-FFF2-40B4-BE49-F238E27FC236}">
                <a16:creationId xmlns:a16="http://schemas.microsoft.com/office/drawing/2014/main" id="{2F63760E-8ECC-4BC8-B0AC-3B67D3D7C5EF}"/>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1416101" y="1751925"/>
            <a:ext cx="914400" cy="914400"/>
          </a:xfrm>
          <a:prstGeom prst="rect">
            <a:avLst/>
          </a:prstGeom>
        </p:spPr>
      </p:pic>
      <p:sp>
        <p:nvSpPr>
          <p:cNvPr id="3" name="TextBox 2">
            <a:extLst>
              <a:ext uri="{FF2B5EF4-FFF2-40B4-BE49-F238E27FC236}">
                <a16:creationId xmlns:a16="http://schemas.microsoft.com/office/drawing/2014/main" id="{916E9A52-A9F8-4770-B71C-6135AAC9BB51}"/>
              </a:ext>
            </a:extLst>
          </p:cNvPr>
          <p:cNvSpPr txBox="1"/>
          <p:nvPr/>
        </p:nvSpPr>
        <p:spPr>
          <a:xfrm>
            <a:off x="1607735" y="1092841"/>
            <a:ext cx="8373533" cy="374979"/>
          </a:xfrm>
          <a:prstGeom prst="rect">
            <a:avLst/>
          </a:prstGeom>
          <a:noFill/>
        </p:spPr>
        <p:txBody>
          <a:bodyPr vert="horz" wrap="square" lIns="0" tIns="0" rIns="0" bIns="0" rtlCol="0" anchor="t">
            <a:noAutofit/>
          </a:bodyPr>
          <a:lstStyle/>
          <a:p>
            <a:pPr algn="ctr"/>
            <a:r>
              <a:rPr lang="en-GB" sz="2000" b="1" u="sng" dirty="0">
                <a:solidFill>
                  <a:srgbClr val="FF0000"/>
                </a:solidFill>
              </a:rPr>
              <a:t>		Energy Markey Solutions With A Global Footprint			</a:t>
            </a:r>
          </a:p>
        </p:txBody>
      </p:sp>
    </p:spTree>
    <p:extLst>
      <p:ext uri="{BB962C8B-B14F-4D97-AF65-F5344CB8AC3E}">
        <p14:creationId xmlns:p14="http://schemas.microsoft.com/office/powerpoint/2010/main" val="396064382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6BF7BB2-00B3-4A2A-A51D-B8B12852B4DD}"/>
              </a:ext>
            </a:extLst>
          </p:cNvPr>
          <p:cNvSpPr>
            <a:spLocks noGrp="1"/>
          </p:cNvSpPr>
          <p:nvPr>
            <p:ph type="ctrTitle"/>
          </p:nvPr>
        </p:nvSpPr>
        <p:spPr/>
        <p:txBody>
          <a:bodyPr/>
          <a:lstStyle/>
          <a:p>
            <a:r>
              <a:rPr lang="en-GB"/>
              <a:t>Agenda</a:t>
            </a:r>
            <a:endParaRPr lang="en-US" dirty="0"/>
          </a:p>
        </p:txBody>
      </p:sp>
      <p:sp>
        <p:nvSpPr>
          <p:cNvPr id="3" name="Subtitle 2">
            <a:extLst>
              <a:ext uri="{FF2B5EF4-FFF2-40B4-BE49-F238E27FC236}">
                <a16:creationId xmlns:a16="http://schemas.microsoft.com/office/drawing/2014/main" id="{3292E447-5019-48CA-ADFC-C6AA84CEF931}"/>
              </a:ext>
            </a:extLst>
          </p:cNvPr>
          <p:cNvSpPr>
            <a:spLocks noGrp="1"/>
          </p:cNvSpPr>
          <p:nvPr>
            <p:ph type="subTitle" idx="1"/>
          </p:nvPr>
        </p:nvSpPr>
        <p:spPr>
          <a:xfrm>
            <a:off x="1598907" y="3238500"/>
            <a:ext cx="8815185" cy="1211580"/>
          </a:xfrm>
        </p:spPr>
        <p:txBody>
          <a:bodyPr/>
          <a:lstStyle/>
          <a:p>
            <a:pPr>
              <a:buFont typeface="Arial" panose="020B0604020202020204" pitchFamily="34" charset="0"/>
              <a:buChar char="•"/>
            </a:pPr>
            <a:r>
              <a:rPr lang="en-US" sz="2400" dirty="0"/>
              <a:t>Effects of Carbon price</a:t>
            </a:r>
          </a:p>
          <a:p>
            <a:pPr>
              <a:buFont typeface="Arial" panose="020B0604020202020204" pitchFamily="34" charset="0"/>
              <a:buChar char="•"/>
            </a:pPr>
            <a:r>
              <a:rPr lang="en-US" sz="2400" dirty="0"/>
              <a:t>Short-term effects of weather</a:t>
            </a:r>
          </a:p>
          <a:p>
            <a:pPr>
              <a:buFont typeface="Arial" panose="020B0604020202020204" pitchFamily="34" charset="0"/>
              <a:buChar char="•"/>
            </a:pPr>
            <a:r>
              <a:rPr lang="en-GB" sz="2400" dirty="0"/>
              <a:t>Long-term implications of weather</a:t>
            </a:r>
            <a:endParaRPr lang="en-US" sz="2400" dirty="0"/>
          </a:p>
        </p:txBody>
      </p:sp>
      <p:sp>
        <p:nvSpPr>
          <p:cNvPr id="4" name="Footer Placeholder 3">
            <a:extLst>
              <a:ext uri="{FF2B5EF4-FFF2-40B4-BE49-F238E27FC236}">
                <a16:creationId xmlns:a16="http://schemas.microsoft.com/office/drawing/2014/main" id="{AB5AFEFA-0353-4528-BF3D-6FD558144DCE}"/>
              </a:ext>
            </a:extLst>
          </p:cNvPr>
          <p:cNvSpPr>
            <a:spLocks noGrp="1"/>
          </p:cNvSpPr>
          <p:nvPr>
            <p:ph type="ftr" sz="quarter" idx="11"/>
          </p:nvPr>
        </p:nvSpPr>
        <p:spPr/>
        <p:txBody>
          <a:bodyPr/>
          <a:lstStyle/>
          <a:p>
            <a:endParaRPr lang="en-US" dirty="0"/>
          </a:p>
        </p:txBody>
      </p:sp>
      <p:sp>
        <p:nvSpPr>
          <p:cNvPr id="5"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F43EBF59-13D5-4A36-9CD7-F98F3F9AF708}"/>
              </a:ext>
            </a:extLst>
          </p:cNvPr>
          <p:cNvSpPr txBox="1"/>
          <p:nvPr/>
        </p:nvSpPr>
        <p:spPr bwMode="gray">
          <a:xfrm>
            <a:off x="777600" y="6539188"/>
            <a:ext cx="24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
        <p:nvSpPr>
          <p:cNvPr id="6" name="TextBox 5">
            <a:extLst>
              <a:ext uri="{FF2B5EF4-FFF2-40B4-BE49-F238E27FC236}">
                <a16:creationId xmlns:a16="http://schemas.microsoft.com/office/drawing/2014/main" id="{BD575FF5-4B25-4FB8-83E2-4FA7488C80AC}"/>
              </a:ext>
            </a:extLst>
          </p:cNvPr>
          <p:cNvSpPr txBox="1"/>
          <p:nvPr/>
        </p:nvSpPr>
        <p:spPr>
          <a:xfrm>
            <a:off x="819545" y="6527648"/>
            <a:ext cx="2263633" cy="183545"/>
          </a:xfrm>
          <a:prstGeom prst="rect">
            <a:avLst/>
          </a:prstGeom>
          <a:noFill/>
        </p:spPr>
        <p:txBody>
          <a:bodyPr vert="horz" wrap="square" lIns="0" tIns="0" rIns="0" bIns="0" rtlCol="0" anchor="ctr">
            <a:noAutofit/>
          </a:bodyPr>
          <a:lstStyle/>
          <a:p>
            <a:pPr algn="l"/>
            <a:r>
              <a:rPr lang="en-GB" sz="900">
                <a:solidFill>
                  <a:schemeClr val="tx1"/>
                </a:solidFill>
                <a:cs typeface="Times New Roman" panose="02020603050405020304" pitchFamily="18" charset="0"/>
              </a:rPr>
              <a:t>© 2021 Hitachi Energy. All rights reserved.</a:t>
            </a:r>
            <a:endParaRPr lang="en-US" sz="900" dirty="0">
              <a:solidFill>
                <a:schemeClr val="tx1"/>
              </a:solidFill>
            </a:endParaRPr>
          </a:p>
        </p:txBody>
      </p:sp>
      <p:pic>
        <p:nvPicPr>
          <p:cNvPr id="7" name="Picture 6">
            <a:extLst>
              <a:ext uri="{FF2B5EF4-FFF2-40B4-BE49-F238E27FC236}">
                <a16:creationId xmlns:a16="http://schemas.microsoft.com/office/drawing/2014/main" id="{21C5D0B1-DA5E-40CA-9336-95E3F6635525}"/>
              </a:ext>
            </a:extLst>
          </p:cNvPr>
          <p:cNvPicPr>
            <a:picLocks noChangeAspect="1"/>
          </p:cNvPicPr>
          <p:nvPr/>
        </p:nvPicPr>
        <p:blipFill>
          <a:blip r:embed="rId2"/>
          <a:stretch>
            <a:fillRect/>
          </a:stretch>
        </p:blipFill>
        <p:spPr>
          <a:xfrm>
            <a:off x="6877863" y="3043168"/>
            <a:ext cx="3414455" cy="1673197"/>
          </a:xfrm>
          <a:prstGeom prst="rect">
            <a:avLst/>
          </a:prstGeom>
          <a:ln>
            <a:noFill/>
          </a:ln>
          <a:effectLst>
            <a:softEdge rad="112500"/>
          </a:effectLst>
        </p:spPr>
      </p:pic>
    </p:spTree>
    <p:extLst>
      <p:ext uri="{BB962C8B-B14F-4D97-AF65-F5344CB8AC3E}">
        <p14:creationId xmlns:p14="http://schemas.microsoft.com/office/powerpoint/2010/main" val="178284637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2" name="Chart 11">
            <a:extLst>
              <a:ext uri="{FF2B5EF4-FFF2-40B4-BE49-F238E27FC236}">
                <a16:creationId xmlns:a16="http://schemas.microsoft.com/office/drawing/2014/main" id="{90E3D598-7C00-41F7-855D-43135E714F7E}"/>
              </a:ext>
            </a:extLst>
          </p:cNvPr>
          <p:cNvGraphicFramePr>
            <a:graphicFrameLocks/>
          </p:cNvGraphicFramePr>
          <p:nvPr>
            <p:extLst>
              <p:ext uri="{D42A27DB-BD31-4B8C-83A1-F6EECF244321}">
                <p14:modId xmlns:p14="http://schemas.microsoft.com/office/powerpoint/2010/main" val="808191661"/>
              </p:ext>
            </p:extLst>
          </p:nvPr>
        </p:nvGraphicFramePr>
        <p:xfrm>
          <a:off x="644685" y="1327269"/>
          <a:ext cx="10361008" cy="4632777"/>
        </p:xfrm>
        <a:graphic>
          <a:graphicData uri="http://schemas.openxmlformats.org/drawingml/2006/chart">
            <c:chart xmlns:c="http://schemas.openxmlformats.org/drawingml/2006/chart" xmlns:r="http://schemas.openxmlformats.org/officeDocument/2006/relationships" r:id="rId3"/>
          </a:graphicData>
        </a:graphic>
      </p:graphicFrame>
      <p:sp>
        <p:nvSpPr>
          <p:cNvPr id="5" name="Title 4">
            <a:extLst>
              <a:ext uri="{FF2B5EF4-FFF2-40B4-BE49-F238E27FC236}">
                <a16:creationId xmlns:a16="http://schemas.microsoft.com/office/drawing/2014/main" id="{D025074C-3B1E-463A-A23F-45CDE60A7122}"/>
              </a:ext>
            </a:extLst>
          </p:cNvPr>
          <p:cNvSpPr>
            <a:spLocks noGrp="1"/>
          </p:cNvSpPr>
          <p:nvPr>
            <p:ph type="title"/>
          </p:nvPr>
        </p:nvSpPr>
        <p:spPr/>
        <p:txBody>
          <a:bodyPr/>
          <a:lstStyle/>
          <a:p>
            <a:r>
              <a:rPr lang="en-GB" dirty="0"/>
              <a:t>Future Uncertainty in Carbon Price </a:t>
            </a:r>
            <a:endParaRPr lang="en-US" dirty="0"/>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859EF9BF-74FF-4833-A906-3555C58C25A5}"/>
              </a:ext>
            </a:extLst>
          </p:cNvPr>
          <p:cNvSpPr txBox="1"/>
          <p:nvPr/>
        </p:nvSpPr>
        <p:spPr bwMode="gray">
          <a:xfrm>
            <a:off x="777600" y="6539188"/>
            <a:ext cx="24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
        <p:nvSpPr>
          <p:cNvPr id="6" name="TextBox 5">
            <a:extLst>
              <a:ext uri="{FF2B5EF4-FFF2-40B4-BE49-F238E27FC236}">
                <a16:creationId xmlns:a16="http://schemas.microsoft.com/office/drawing/2014/main" id="{0F86AB49-4067-4078-92BF-CE66387561A9}"/>
              </a:ext>
            </a:extLst>
          </p:cNvPr>
          <p:cNvSpPr txBox="1"/>
          <p:nvPr/>
        </p:nvSpPr>
        <p:spPr>
          <a:xfrm>
            <a:off x="819545" y="6527648"/>
            <a:ext cx="2263633" cy="183545"/>
          </a:xfrm>
          <a:prstGeom prst="rect">
            <a:avLst/>
          </a:prstGeom>
          <a:noFill/>
        </p:spPr>
        <p:txBody>
          <a:bodyPr vert="horz" wrap="square" lIns="0" tIns="0" rIns="0" bIns="0" rtlCol="0" anchor="ctr">
            <a:noAutofit/>
          </a:bodyPr>
          <a:lstStyle/>
          <a:p>
            <a:pPr algn="l"/>
            <a:r>
              <a:rPr lang="en-GB" sz="900" dirty="0">
                <a:solidFill>
                  <a:schemeClr val="tx1"/>
                </a:solidFill>
                <a:cs typeface="Times New Roman" panose="02020603050405020304" pitchFamily="18" charset="0"/>
              </a:rPr>
              <a:t>© 2021 Hitachi Energy. All rights reserved.</a:t>
            </a:r>
            <a:endParaRPr lang="en-US" sz="900" dirty="0">
              <a:solidFill>
                <a:schemeClr val="tx1"/>
              </a:solidFill>
            </a:endParaRPr>
          </a:p>
        </p:txBody>
      </p:sp>
      <p:sp>
        <p:nvSpPr>
          <p:cNvPr id="8" name="TextBox 7">
            <a:extLst>
              <a:ext uri="{FF2B5EF4-FFF2-40B4-BE49-F238E27FC236}">
                <a16:creationId xmlns:a16="http://schemas.microsoft.com/office/drawing/2014/main" id="{7756429F-0F51-4821-844A-FD43C6BF6FFF}"/>
              </a:ext>
            </a:extLst>
          </p:cNvPr>
          <p:cNvSpPr txBox="1"/>
          <p:nvPr/>
        </p:nvSpPr>
        <p:spPr>
          <a:xfrm>
            <a:off x="163748" y="967346"/>
            <a:ext cx="10684061" cy="369332"/>
          </a:xfrm>
          <a:prstGeom prst="rect">
            <a:avLst/>
          </a:prstGeom>
          <a:noFill/>
        </p:spPr>
        <p:txBody>
          <a:bodyPr wrap="square">
            <a:spAutoFit/>
          </a:bodyPr>
          <a:lstStyle/>
          <a:p>
            <a:pPr rtl="0">
              <a:defRPr sz="1200" b="0" i="0" u="none" strike="noStrike" kern="1200" spc="0" baseline="0">
                <a:solidFill>
                  <a:sysClr val="windowText" lastClr="000000"/>
                </a:solidFill>
                <a:latin typeface="+mn-lt"/>
                <a:ea typeface="+mn-ea"/>
                <a:cs typeface="+mn-cs"/>
              </a:defRPr>
            </a:pPr>
            <a:r>
              <a:rPr lang="en-GB" sz="1800" baseline="0" dirty="0">
                <a:solidFill>
                  <a:sysClr val="windowText" lastClr="000000"/>
                </a:solidFill>
              </a:rPr>
              <a:t>Very large range in the forecasted price of Carbon under EU ETS (2030)</a:t>
            </a:r>
            <a:endParaRPr lang="en-US" sz="1800" dirty="0">
              <a:solidFill>
                <a:sysClr val="windowText" lastClr="000000"/>
              </a:solidFill>
            </a:endParaRPr>
          </a:p>
        </p:txBody>
      </p:sp>
      <p:grpSp>
        <p:nvGrpSpPr>
          <p:cNvPr id="3" name="Group 2">
            <a:extLst>
              <a:ext uri="{FF2B5EF4-FFF2-40B4-BE49-F238E27FC236}">
                <a16:creationId xmlns:a16="http://schemas.microsoft.com/office/drawing/2014/main" id="{4CABD6CF-0F70-4C56-ACB0-050E95265DF3}"/>
              </a:ext>
            </a:extLst>
          </p:cNvPr>
          <p:cNvGrpSpPr/>
          <p:nvPr/>
        </p:nvGrpSpPr>
        <p:grpSpPr>
          <a:xfrm>
            <a:off x="1529102" y="3040667"/>
            <a:ext cx="9180000" cy="282865"/>
            <a:chOff x="1322269" y="3027967"/>
            <a:chExt cx="9180000" cy="282865"/>
          </a:xfrm>
        </p:grpSpPr>
        <p:cxnSp>
          <p:nvCxnSpPr>
            <p:cNvPr id="18" name="Straight Connector 17">
              <a:extLst>
                <a:ext uri="{FF2B5EF4-FFF2-40B4-BE49-F238E27FC236}">
                  <a16:creationId xmlns:a16="http://schemas.microsoft.com/office/drawing/2014/main" id="{EEE800D5-E885-4AE6-9390-E0C4ECA5F16E}"/>
                </a:ext>
              </a:extLst>
            </p:cNvPr>
            <p:cNvCxnSpPr/>
            <p:nvPr/>
          </p:nvCxnSpPr>
          <p:spPr>
            <a:xfrm>
              <a:off x="1322269" y="3209810"/>
              <a:ext cx="9180000" cy="0"/>
            </a:xfrm>
            <a:prstGeom prst="line">
              <a:avLst/>
            </a:prstGeom>
            <a:ln w="31750">
              <a:solidFill>
                <a:schemeClr val="bg2"/>
              </a:solidFill>
              <a:prstDash val="sysDash"/>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EE2F15BB-4277-4D00-BEE2-DF8E00BEAAB4}"/>
                </a:ext>
              </a:extLst>
            </p:cNvPr>
            <p:cNvSpPr txBox="1"/>
            <p:nvPr/>
          </p:nvSpPr>
          <p:spPr>
            <a:xfrm>
              <a:off x="9182076" y="3027967"/>
              <a:ext cx="909575" cy="282865"/>
            </a:xfrm>
            <a:prstGeom prst="rect">
              <a:avLst/>
            </a:prstGeom>
            <a:solidFill>
              <a:schemeClr val="bg1">
                <a:lumMod val="95000"/>
              </a:schemeClr>
            </a:solidFill>
          </p:spPr>
          <p:txBody>
            <a:bodyPr vert="horz" wrap="square" lIns="0" tIns="0" rIns="0" bIns="0" rtlCol="0" anchor="t">
              <a:noAutofit/>
            </a:bodyPr>
            <a:lstStyle/>
            <a:p>
              <a:pPr algn="l"/>
              <a:r>
                <a:rPr lang="en-GB" dirty="0">
                  <a:solidFill>
                    <a:schemeClr val="tx1"/>
                  </a:solidFill>
                </a:rPr>
                <a:t>Average</a:t>
              </a:r>
            </a:p>
          </p:txBody>
        </p:sp>
      </p:grpSp>
      <p:sp>
        <p:nvSpPr>
          <p:cNvPr id="17" name="TextBox 16">
            <a:extLst>
              <a:ext uri="{FF2B5EF4-FFF2-40B4-BE49-F238E27FC236}">
                <a16:creationId xmlns:a16="http://schemas.microsoft.com/office/drawing/2014/main" id="{F2706E47-BF25-4444-A4BF-DFABC9F4E89C}"/>
              </a:ext>
            </a:extLst>
          </p:cNvPr>
          <p:cNvSpPr txBox="1"/>
          <p:nvPr/>
        </p:nvSpPr>
        <p:spPr>
          <a:xfrm>
            <a:off x="1670049" y="5946868"/>
            <a:ext cx="8832219" cy="307777"/>
          </a:xfrm>
          <a:prstGeom prst="rect">
            <a:avLst/>
          </a:prstGeom>
          <a:solidFill>
            <a:schemeClr val="bg1">
              <a:lumMod val="85000"/>
            </a:schemeClr>
          </a:solidFill>
        </p:spPr>
        <p:txBody>
          <a:bodyPr wrap="square">
            <a:spAutoFit/>
          </a:bodyPr>
          <a:lstStyle/>
          <a:p>
            <a:pPr algn="ctr" rtl="0">
              <a:defRPr sz="1200" b="0" i="0" u="none" strike="noStrike" kern="1200" spc="0" baseline="0">
                <a:solidFill>
                  <a:sysClr val="windowText" lastClr="000000"/>
                </a:solidFill>
                <a:latin typeface="+mn-lt"/>
                <a:ea typeface="+mn-ea"/>
                <a:cs typeface="+mn-cs"/>
              </a:defRPr>
            </a:pPr>
            <a:r>
              <a:rPr lang="en-GB" sz="1400" baseline="0" dirty="0">
                <a:solidFill>
                  <a:sysClr val="windowText" lastClr="000000"/>
                </a:solidFill>
              </a:rPr>
              <a:t>Over the long-term the variation in forecasted price of Carbon under EU ETS is expected to be even higher</a:t>
            </a:r>
            <a:endParaRPr lang="en-US" sz="1400" dirty="0">
              <a:solidFill>
                <a:sysClr val="windowText" lastClr="000000"/>
              </a:solidFill>
            </a:endParaRPr>
          </a:p>
        </p:txBody>
      </p:sp>
    </p:spTree>
    <p:extLst>
      <p:ext uri="{BB962C8B-B14F-4D97-AF65-F5344CB8AC3E}">
        <p14:creationId xmlns:p14="http://schemas.microsoft.com/office/powerpoint/2010/main" val="423904352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1000"/>
                                        <p:tgtEl>
                                          <p:spTgt spid="3"/>
                                        </p:tgtEl>
                                      </p:cBhvr>
                                    </p:animEffect>
                                    <p:anim calcmode="lin" valueType="num">
                                      <p:cBhvr>
                                        <p:cTn id="8" dur="1000" fill="hold"/>
                                        <p:tgtEl>
                                          <p:spTgt spid="3"/>
                                        </p:tgtEl>
                                        <p:attrNameLst>
                                          <p:attrName>ppt_x</p:attrName>
                                        </p:attrNameLst>
                                      </p:cBhvr>
                                      <p:tavLst>
                                        <p:tav tm="0">
                                          <p:val>
                                            <p:strVal val="#ppt_x"/>
                                          </p:val>
                                        </p:tav>
                                        <p:tav tm="100000">
                                          <p:val>
                                            <p:strVal val="#ppt_x"/>
                                          </p:val>
                                        </p:tav>
                                      </p:tavLst>
                                    </p:anim>
                                    <p:anim calcmode="lin" valueType="num">
                                      <p:cBhvr>
                                        <p:cTn id="9" dur="1000" fill="hold"/>
                                        <p:tgtEl>
                                          <p:spTgt spid="3"/>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025074C-3B1E-463A-A23F-45CDE60A7122}"/>
              </a:ext>
            </a:extLst>
          </p:cNvPr>
          <p:cNvSpPr>
            <a:spLocks noGrp="1"/>
          </p:cNvSpPr>
          <p:nvPr>
            <p:ph type="title"/>
          </p:nvPr>
        </p:nvSpPr>
        <p:spPr/>
        <p:txBody>
          <a:bodyPr/>
          <a:lstStyle/>
          <a:p>
            <a:r>
              <a:rPr lang="en-GB" dirty="0"/>
              <a:t>Impact of Carbon Price on Electricity Prices in 2030</a:t>
            </a:r>
            <a:endParaRPr lang="en-US" dirty="0"/>
          </a:p>
        </p:txBody>
      </p:sp>
      <p:sp>
        <p:nvSpPr>
          <p:cNvPr id="4"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859EF9BF-74FF-4833-A906-3555C58C25A5}"/>
              </a:ext>
            </a:extLst>
          </p:cNvPr>
          <p:cNvSpPr txBox="1"/>
          <p:nvPr/>
        </p:nvSpPr>
        <p:spPr bwMode="gray">
          <a:xfrm>
            <a:off x="777600" y="6539188"/>
            <a:ext cx="24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
        <p:nvSpPr>
          <p:cNvPr id="6" name="TextBox 5">
            <a:extLst>
              <a:ext uri="{FF2B5EF4-FFF2-40B4-BE49-F238E27FC236}">
                <a16:creationId xmlns:a16="http://schemas.microsoft.com/office/drawing/2014/main" id="{0F86AB49-4067-4078-92BF-CE66387561A9}"/>
              </a:ext>
            </a:extLst>
          </p:cNvPr>
          <p:cNvSpPr txBox="1"/>
          <p:nvPr/>
        </p:nvSpPr>
        <p:spPr>
          <a:xfrm>
            <a:off x="819545" y="6527648"/>
            <a:ext cx="2263633" cy="183545"/>
          </a:xfrm>
          <a:prstGeom prst="rect">
            <a:avLst/>
          </a:prstGeom>
          <a:noFill/>
        </p:spPr>
        <p:txBody>
          <a:bodyPr vert="horz" wrap="square" lIns="0" tIns="0" rIns="0" bIns="0" rtlCol="0" anchor="ctr">
            <a:noAutofit/>
          </a:bodyPr>
          <a:lstStyle/>
          <a:p>
            <a:pPr algn="l"/>
            <a:r>
              <a:rPr lang="en-GB" sz="900" dirty="0">
                <a:solidFill>
                  <a:schemeClr val="tx1"/>
                </a:solidFill>
                <a:cs typeface="Times New Roman" panose="02020603050405020304" pitchFamily="18" charset="0"/>
              </a:rPr>
              <a:t>© 2021 Hitachi Energy. All rights reserved.</a:t>
            </a:r>
            <a:endParaRPr lang="en-US" sz="900" dirty="0">
              <a:solidFill>
                <a:schemeClr val="tx1"/>
              </a:solidFill>
            </a:endParaRPr>
          </a:p>
        </p:txBody>
      </p:sp>
      <p:sp>
        <p:nvSpPr>
          <p:cNvPr id="8" name="TextBox 7">
            <a:extLst>
              <a:ext uri="{FF2B5EF4-FFF2-40B4-BE49-F238E27FC236}">
                <a16:creationId xmlns:a16="http://schemas.microsoft.com/office/drawing/2014/main" id="{7756429F-0F51-4821-844A-FD43C6BF6FFF}"/>
              </a:ext>
            </a:extLst>
          </p:cNvPr>
          <p:cNvSpPr txBox="1"/>
          <p:nvPr/>
        </p:nvSpPr>
        <p:spPr>
          <a:xfrm>
            <a:off x="163748" y="967346"/>
            <a:ext cx="10684061" cy="369332"/>
          </a:xfrm>
          <a:prstGeom prst="rect">
            <a:avLst/>
          </a:prstGeom>
          <a:noFill/>
        </p:spPr>
        <p:txBody>
          <a:bodyPr wrap="square">
            <a:spAutoFit/>
          </a:bodyPr>
          <a:lstStyle/>
          <a:p>
            <a:pPr rtl="0">
              <a:defRPr sz="1200" b="0" i="0" u="none" strike="noStrike" kern="1200" spc="0" baseline="0">
                <a:solidFill>
                  <a:sysClr val="windowText" lastClr="000000"/>
                </a:solidFill>
                <a:latin typeface="+mn-lt"/>
                <a:ea typeface="+mn-ea"/>
                <a:cs typeface="+mn-cs"/>
              </a:defRPr>
            </a:pPr>
            <a:r>
              <a:rPr lang="en-GB" sz="1800" baseline="0" dirty="0">
                <a:solidFill>
                  <a:sysClr val="windowText" lastClr="000000"/>
                </a:solidFill>
              </a:rPr>
              <a:t>Change in </a:t>
            </a:r>
            <a:r>
              <a:rPr lang="pl-PL" sz="1800" baseline="0" dirty="0">
                <a:solidFill>
                  <a:sysClr val="windowText" lastClr="000000"/>
                </a:solidFill>
              </a:rPr>
              <a:t>average annual </a:t>
            </a:r>
            <a:r>
              <a:rPr lang="en-GB" sz="1800" baseline="0" dirty="0">
                <a:solidFill>
                  <a:sysClr val="windowText" lastClr="000000"/>
                </a:solidFill>
              </a:rPr>
              <a:t>electricity price due to</a:t>
            </a:r>
            <a:r>
              <a:rPr lang="pl-PL" sz="1800" dirty="0">
                <a:solidFill>
                  <a:sysClr val="windowText" lastClr="000000"/>
                </a:solidFill>
              </a:rPr>
              <a:t> 1 EUR/tonne</a:t>
            </a:r>
            <a:r>
              <a:rPr lang="pl-PL" sz="1800" baseline="0" dirty="0">
                <a:solidFill>
                  <a:sysClr val="windowText" lastClr="000000"/>
                </a:solidFill>
              </a:rPr>
              <a:t> change in C</a:t>
            </a:r>
            <a:r>
              <a:rPr lang="en-GB" sz="1800" baseline="0" dirty="0" err="1">
                <a:solidFill>
                  <a:sysClr val="windowText" lastClr="000000"/>
                </a:solidFill>
              </a:rPr>
              <a:t>arbon</a:t>
            </a:r>
            <a:r>
              <a:rPr lang="pl-PL" sz="1800" baseline="0" dirty="0">
                <a:solidFill>
                  <a:sysClr val="windowText" lastClr="000000"/>
                </a:solidFill>
              </a:rPr>
              <a:t> </a:t>
            </a:r>
            <a:r>
              <a:rPr lang="en-GB" sz="1800" baseline="0" dirty="0">
                <a:solidFill>
                  <a:sysClr val="windowText" lastClr="000000"/>
                </a:solidFill>
              </a:rPr>
              <a:t>(EU ETS) </a:t>
            </a:r>
            <a:r>
              <a:rPr lang="pl-PL" sz="1800" baseline="0" dirty="0">
                <a:solidFill>
                  <a:sysClr val="windowText" lastClr="000000"/>
                </a:solidFill>
              </a:rPr>
              <a:t>price</a:t>
            </a:r>
            <a:endParaRPr lang="en-US" sz="1800" dirty="0">
              <a:solidFill>
                <a:sysClr val="windowText" lastClr="000000"/>
              </a:solidFill>
            </a:endParaRPr>
          </a:p>
        </p:txBody>
      </p:sp>
      <p:graphicFrame>
        <p:nvGraphicFramePr>
          <p:cNvPr id="13" name="Chart 12">
            <a:extLst>
              <a:ext uri="{FF2B5EF4-FFF2-40B4-BE49-F238E27FC236}">
                <a16:creationId xmlns:a16="http://schemas.microsoft.com/office/drawing/2014/main" id="{DC4B7648-EB0E-49CB-B4A5-130EE4FD2B0E}"/>
              </a:ext>
            </a:extLst>
          </p:cNvPr>
          <p:cNvGraphicFramePr>
            <a:graphicFrameLocks/>
          </p:cNvGraphicFramePr>
          <p:nvPr>
            <p:extLst>
              <p:ext uri="{D42A27DB-BD31-4B8C-83A1-F6EECF244321}">
                <p14:modId xmlns:p14="http://schemas.microsoft.com/office/powerpoint/2010/main" val="3841539272"/>
              </p:ext>
            </p:extLst>
          </p:nvPr>
        </p:nvGraphicFramePr>
        <p:xfrm>
          <a:off x="904902" y="1454019"/>
          <a:ext cx="10206045" cy="4065273"/>
        </p:xfrm>
        <a:graphic>
          <a:graphicData uri="http://schemas.openxmlformats.org/drawingml/2006/chart">
            <c:chart xmlns:c="http://schemas.openxmlformats.org/drawingml/2006/chart" xmlns:r="http://schemas.openxmlformats.org/officeDocument/2006/relationships" r:id="rId3"/>
          </a:graphicData>
        </a:graphic>
      </p:graphicFrame>
      <p:grpSp>
        <p:nvGrpSpPr>
          <p:cNvPr id="19" name="Group 18">
            <a:extLst>
              <a:ext uri="{FF2B5EF4-FFF2-40B4-BE49-F238E27FC236}">
                <a16:creationId xmlns:a16="http://schemas.microsoft.com/office/drawing/2014/main" id="{7E4C1FA4-0A4D-4F69-AB4D-ADF6B599C1E1}"/>
              </a:ext>
            </a:extLst>
          </p:cNvPr>
          <p:cNvGrpSpPr/>
          <p:nvPr/>
        </p:nvGrpSpPr>
        <p:grpSpPr>
          <a:xfrm>
            <a:off x="1888006" y="5360613"/>
            <a:ext cx="8854549" cy="585474"/>
            <a:chOff x="1888006" y="5565346"/>
            <a:chExt cx="8854549" cy="585474"/>
          </a:xfrm>
        </p:grpSpPr>
        <p:sp>
          <p:nvSpPr>
            <p:cNvPr id="14" name="Arrow: Left-Right 13">
              <a:extLst>
                <a:ext uri="{FF2B5EF4-FFF2-40B4-BE49-F238E27FC236}">
                  <a16:creationId xmlns:a16="http://schemas.microsoft.com/office/drawing/2014/main" id="{369136C1-7C6F-4DC7-AACA-A63F8325C877}"/>
                </a:ext>
              </a:extLst>
            </p:cNvPr>
            <p:cNvSpPr/>
            <p:nvPr/>
          </p:nvSpPr>
          <p:spPr>
            <a:xfrm>
              <a:off x="1888006" y="5565346"/>
              <a:ext cx="8854549" cy="519694"/>
            </a:xfrm>
            <a:prstGeom prst="leftRightArrow">
              <a:avLst/>
            </a:prstGeom>
            <a:solidFill>
              <a:schemeClr val="bg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GB" sz="1400" dirty="0" err="1">
                <a:solidFill>
                  <a:schemeClr val="tx1"/>
                </a:solidFill>
              </a:endParaRPr>
            </a:p>
          </p:txBody>
        </p:sp>
        <p:sp>
          <p:nvSpPr>
            <p:cNvPr id="15" name="TextBox 14">
              <a:extLst>
                <a:ext uri="{FF2B5EF4-FFF2-40B4-BE49-F238E27FC236}">
                  <a16:creationId xmlns:a16="http://schemas.microsoft.com/office/drawing/2014/main" id="{29BAC980-0A43-49DA-92A5-B7BE39988E53}"/>
                </a:ext>
              </a:extLst>
            </p:cNvPr>
            <p:cNvSpPr txBox="1"/>
            <p:nvPr/>
          </p:nvSpPr>
          <p:spPr>
            <a:xfrm>
              <a:off x="9170314" y="5703488"/>
              <a:ext cx="1434095" cy="447332"/>
            </a:xfrm>
            <a:prstGeom prst="rect">
              <a:avLst/>
            </a:prstGeom>
            <a:noFill/>
          </p:spPr>
          <p:txBody>
            <a:bodyPr vert="horz" wrap="square" lIns="0" tIns="0" rIns="0" bIns="0" rtlCol="0" anchor="t">
              <a:noAutofit/>
            </a:bodyPr>
            <a:lstStyle/>
            <a:p>
              <a:pPr algn="l"/>
              <a:r>
                <a:rPr lang="en-GB" sz="1400" b="1" dirty="0">
                  <a:solidFill>
                    <a:schemeClr val="tx1"/>
                  </a:solidFill>
                </a:rPr>
                <a:t>Iberia / Nordics</a:t>
              </a:r>
            </a:p>
          </p:txBody>
        </p:sp>
        <p:sp>
          <p:nvSpPr>
            <p:cNvPr id="16" name="TextBox 15">
              <a:extLst>
                <a:ext uri="{FF2B5EF4-FFF2-40B4-BE49-F238E27FC236}">
                  <a16:creationId xmlns:a16="http://schemas.microsoft.com/office/drawing/2014/main" id="{CDD33A3D-3643-43E2-A8CE-72D0051F2490}"/>
                </a:ext>
              </a:extLst>
            </p:cNvPr>
            <p:cNvSpPr txBox="1"/>
            <p:nvPr/>
          </p:nvSpPr>
          <p:spPr>
            <a:xfrm>
              <a:off x="2079877" y="5703488"/>
              <a:ext cx="1328840" cy="447332"/>
            </a:xfrm>
            <a:prstGeom prst="rect">
              <a:avLst/>
            </a:prstGeom>
            <a:noFill/>
          </p:spPr>
          <p:txBody>
            <a:bodyPr vert="horz" wrap="square" lIns="0" tIns="0" rIns="0" bIns="0" rtlCol="0" anchor="t">
              <a:noAutofit/>
            </a:bodyPr>
            <a:lstStyle/>
            <a:p>
              <a:pPr algn="l"/>
              <a:r>
                <a:rPr lang="en-GB" sz="1400" b="1" dirty="0">
                  <a:solidFill>
                    <a:schemeClr val="tx1"/>
                  </a:solidFill>
                </a:rPr>
                <a:t>Eastern Europe</a:t>
              </a:r>
            </a:p>
          </p:txBody>
        </p:sp>
      </p:grpSp>
      <p:grpSp>
        <p:nvGrpSpPr>
          <p:cNvPr id="21" name="Group 20">
            <a:extLst>
              <a:ext uri="{FF2B5EF4-FFF2-40B4-BE49-F238E27FC236}">
                <a16:creationId xmlns:a16="http://schemas.microsoft.com/office/drawing/2014/main" id="{0239A05E-77C7-4238-A5A9-F9366C042ABB}"/>
              </a:ext>
            </a:extLst>
          </p:cNvPr>
          <p:cNvGrpSpPr/>
          <p:nvPr/>
        </p:nvGrpSpPr>
        <p:grpSpPr>
          <a:xfrm>
            <a:off x="1716974" y="3693633"/>
            <a:ext cx="9180000" cy="282865"/>
            <a:chOff x="1716974" y="3693633"/>
            <a:chExt cx="9180000" cy="282865"/>
          </a:xfrm>
        </p:grpSpPr>
        <p:cxnSp>
          <p:nvCxnSpPr>
            <p:cNvPr id="18" name="Straight Connector 17">
              <a:extLst>
                <a:ext uri="{FF2B5EF4-FFF2-40B4-BE49-F238E27FC236}">
                  <a16:creationId xmlns:a16="http://schemas.microsoft.com/office/drawing/2014/main" id="{EEE800D5-E885-4AE6-9390-E0C4ECA5F16E}"/>
                </a:ext>
              </a:extLst>
            </p:cNvPr>
            <p:cNvCxnSpPr/>
            <p:nvPr/>
          </p:nvCxnSpPr>
          <p:spPr>
            <a:xfrm>
              <a:off x="1716974" y="3868109"/>
              <a:ext cx="9180000" cy="0"/>
            </a:xfrm>
            <a:prstGeom prst="line">
              <a:avLst/>
            </a:prstGeom>
            <a:ln w="31750">
              <a:solidFill>
                <a:schemeClr val="tx1"/>
              </a:solidFill>
              <a:prstDash val="sysDash"/>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85B35F65-A3F9-46AD-B3D4-6EB557EE9AD7}"/>
                </a:ext>
              </a:extLst>
            </p:cNvPr>
            <p:cNvSpPr txBox="1"/>
            <p:nvPr/>
          </p:nvSpPr>
          <p:spPr>
            <a:xfrm>
              <a:off x="9492418" y="3693633"/>
              <a:ext cx="909575" cy="282865"/>
            </a:xfrm>
            <a:prstGeom prst="rect">
              <a:avLst/>
            </a:prstGeom>
            <a:solidFill>
              <a:schemeClr val="bg1">
                <a:lumMod val="95000"/>
              </a:schemeClr>
            </a:solidFill>
          </p:spPr>
          <p:txBody>
            <a:bodyPr vert="horz" wrap="square" lIns="0" tIns="0" rIns="0" bIns="0" rtlCol="0" anchor="t">
              <a:noAutofit/>
            </a:bodyPr>
            <a:lstStyle/>
            <a:p>
              <a:pPr algn="l"/>
              <a:r>
                <a:rPr lang="en-GB" dirty="0">
                  <a:solidFill>
                    <a:schemeClr val="bg2"/>
                  </a:solidFill>
                </a:rPr>
                <a:t>Average</a:t>
              </a:r>
            </a:p>
          </p:txBody>
        </p:sp>
      </p:grpSp>
    </p:spTree>
    <p:extLst>
      <p:ext uri="{BB962C8B-B14F-4D97-AF65-F5344CB8AC3E}">
        <p14:creationId xmlns:p14="http://schemas.microsoft.com/office/powerpoint/2010/main" val="349288767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9"/>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42" presetClass="entr" presetSubtype="0" fill="hold" nodeType="clickEffect">
                                  <p:stCondLst>
                                    <p:cond delay="0"/>
                                  </p:stCondLst>
                                  <p:childTnLst>
                                    <p:set>
                                      <p:cBhvr>
                                        <p:cTn id="10" dur="1" fill="hold">
                                          <p:stCondLst>
                                            <p:cond delay="0"/>
                                          </p:stCondLst>
                                        </p:cTn>
                                        <p:tgtEl>
                                          <p:spTgt spid="21"/>
                                        </p:tgtEl>
                                        <p:attrNameLst>
                                          <p:attrName>style.visibility</p:attrName>
                                        </p:attrNameLst>
                                      </p:cBhvr>
                                      <p:to>
                                        <p:strVal val="visible"/>
                                      </p:to>
                                    </p:set>
                                    <p:animEffect transition="in" filter="fade">
                                      <p:cBhvr>
                                        <p:cTn id="11" dur="1000"/>
                                        <p:tgtEl>
                                          <p:spTgt spid="21"/>
                                        </p:tgtEl>
                                      </p:cBhvr>
                                    </p:animEffect>
                                    <p:anim calcmode="lin" valueType="num">
                                      <p:cBhvr>
                                        <p:cTn id="12" dur="1000" fill="hold"/>
                                        <p:tgtEl>
                                          <p:spTgt spid="21"/>
                                        </p:tgtEl>
                                        <p:attrNameLst>
                                          <p:attrName>ppt_x</p:attrName>
                                        </p:attrNameLst>
                                      </p:cBhvr>
                                      <p:tavLst>
                                        <p:tav tm="0">
                                          <p:val>
                                            <p:strVal val="#ppt_x"/>
                                          </p:val>
                                        </p:tav>
                                        <p:tav tm="100000">
                                          <p:val>
                                            <p:strVal val="#ppt_x"/>
                                          </p:val>
                                        </p:tav>
                                      </p:tavLst>
                                    </p:anim>
                                    <p:anim calcmode="lin" valueType="num">
                                      <p:cBhvr>
                                        <p:cTn id="13" dur="1000" fill="hold"/>
                                        <p:tgtEl>
                                          <p:spTgt spid="21"/>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480E87D2-F31C-4943-8820-8A04C31142DB}"/>
              </a:ext>
            </a:extLst>
          </p:cNvPr>
          <p:cNvSpPr>
            <a:spLocks noGrp="1"/>
          </p:cNvSpPr>
          <p:nvPr>
            <p:ph type="ftr" sz="quarter" idx="11"/>
          </p:nvPr>
        </p:nvSpPr>
        <p:spPr/>
        <p:txBody>
          <a:bodyPr/>
          <a:lstStyle/>
          <a:p>
            <a:endParaRPr lang="en-US" dirty="0"/>
          </a:p>
        </p:txBody>
      </p:sp>
      <p:sp>
        <p:nvSpPr>
          <p:cNvPr id="4" name="Title 3">
            <a:extLst>
              <a:ext uri="{FF2B5EF4-FFF2-40B4-BE49-F238E27FC236}">
                <a16:creationId xmlns:a16="http://schemas.microsoft.com/office/drawing/2014/main" id="{D9889885-A4B0-45BC-B9A5-DBB6AC315B0F}"/>
              </a:ext>
            </a:extLst>
          </p:cNvPr>
          <p:cNvSpPr>
            <a:spLocks noGrp="1"/>
          </p:cNvSpPr>
          <p:nvPr>
            <p:ph type="title"/>
          </p:nvPr>
        </p:nvSpPr>
        <p:spPr/>
        <p:txBody>
          <a:bodyPr/>
          <a:lstStyle/>
          <a:p>
            <a:r>
              <a:rPr lang="en-GB" dirty="0"/>
              <a:t>Short Term Effect of Weather on Prices – Germany</a:t>
            </a:r>
          </a:p>
        </p:txBody>
      </p:sp>
      <p:sp>
        <p:nvSpPr>
          <p:cNvPr id="6" name="TextBox 5">
            <a:extLst>
              <a:ext uri="{FF2B5EF4-FFF2-40B4-BE49-F238E27FC236}">
                <a16:creationId xmlns:a16="http://schemas.microsoft.com/office/drawing/2014/main" id="{1DEF02D5-A41E-45FF-872B-2911D1142E0E}"/>
              </a:ext>
            </a:extLst>
          </p:cNvPr>
          <p:cNvSpPr txBox="1"/>
          <p:nvPr/>
        </p:nvSpPr>
        <p:spPr>
          <a:xfrm>
            <a:off x="263524" y="1055351"/>
            <a:ext cx="11299970" cy="306000"/>
          </a:xfrm>
          <a:prstGeom prst="rect">
            <a:avLst/>
          </a:prstGeom>
          <a:noFill/>
        </p:spPr>
        <p:txBody>
          <a:bodyPr wrap="none" lIns="0" tIns="0" rIns="0" bIns="0" rtlCol="0">
            <a:noAutofit/>
          </a:bodyPr>
          <a:lstStyle/>
          <a:p>
            <a:pPr algn="l"/>
            <a:r>
              <a:rPr lang="en-GB" sz="1600" dirty="0"/>
              <a:t>Typically, prices spiked when RES share in demand approaches down to 20%</a:t>
            </a:r>
            <a:endParaRPr lang="en-US" sz="1600" dirty="0" err="1"/>
          </a:p>
        </p:txBody>
      </p:sp>
      <p:graphicFrame>
        <p:nvGraphicFramePr>
          <p:cNvPr id="7" name="Chart 6">
            <a:extLst>
              <a:ext uri="{FF2B5EF4-FFF2-40B4-BE49-F238E27FC236}">
                <a16:creationId xmlns:a16="http://schemas.microsoft.com/office/drawing/2014/main" id="{0EA75F94-2757-4EAE-80AC-72BC414D9503}"/>
              </a:ext>
            </a:extLst>
          </p:cNvPr>
          <p:cNvGraphicFramePr/>
          <p:nvPr>
            <p:extLst>
              <p:ext uri="{D42A27DB-BD31-4B8C-83A1-F6EECF244321}">
                <p14:modId xmlns:p14="http://schemas.microsoft.com/office/powerpoint/2010/main" val="3554819026"/>
              </p:ext>
            </p:extLst>
          </p:nvPr>
        </p:nvGraphicFramePr>
        <p:xfrm>
          <a:off x="1473834" y="1481031"/>
          <a:ext cx="8667125" cy="4835101"/>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123569011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480E87D2-F31C-4943-8820-8A04C31142DB}"/>
              </a:ext>
            </a:extLst>
          </p:cNvPr>
          <p:cNvSpPr>
            <a:spLocks noGrp="1"/>
          </p:cNvSpPr>
          <p:nvPr>
            <p:ph type="ftr" sz="quarter" idx="11"/>
          </p:nvPr>
        </p:nvSpPr>
        <p:spPr/>
        <p:txBody>
          <a:bodyPr/>
          <a:lstStyle/>
          <a:p>
            <a:endParaRPr lang="en-US" dirty="0"/>
          </a:p>
        </p:txBody>
      </p:sp>
      <p:sp>
        <p:nvSpPr>
          <p:cNvPr id="4" name="Title 3">
            <a:extLst>
              <a:ext uri="{FF2B5EF4-FFF2-40B4-BE49-F238E27FC236}">
                <a16:creationId xmlns:a16="http://schemas.microsoft.com/office/drawing/2014/main" id="{D9889885-A4B0-45BC-B9A5-DBB6AC315B0F}"/>
              </a:ext>
            </a:extLst>
          </p:cNvPr>
          <p:cNvSpPr>
            <a:spLocks noGrp="1"/>
          </p:cNvSpPr>
          <p:nvPr>
            <p:ph type="title"/>
          </p:nvPr>
        </p:nvSpPr>
        <p:spPr/>
        <p:txBody>
          <a:bodyPr/>
          <a:lstStyle/>
          <a:p>
            <a:r>
              <a:rPr lang="en-GB" dirty="0"/>
              <a:t>Short Term Effect of Weather on Prices – Spain</a:t>
            </a:r>
          </a:p>
        </p:txBody>
      </p:sp>
      <p:graphicFrame>
        <p:nvGraphicFramePr>
          <p:cNvPr id="5" name="Chart 4">
            <a:extLst>
              <a:ext uri="{FF2B5EF4-FFF2-40B4-BE49-F238E27FC236}">
                <a16:creationId xmlns:a16="http://schemas.microsoft.com/office/drawing/2014/main" id="{CA01703D-045F-464A-8E5B-DF9EAEE7D090}"/>
              </a:ext>
            </a:extLst>
          </p:cNvPr>
          <p:cNvGraphicFramePr/>
          <p:nvPr>
            <p:extLst>
              <p:ext uri="{D42A27DB-BD31-4B8C-83A1-F6EECF244321}">
                <p14:modId xmlns:p14="http://schemas.microsoft.com/office/powerpoint/2010/main" val="2258873667"/>
              </p:ext>
            </p:extLst>
          </p:nvPr>
        </p:nvGraphicFramePr>
        <p:xfrm>
          <a:off x="1096644" y="1291991"/>
          <a:ext cx="9511745" cy="5320718"/>
        </p:xfrm>
        <a:graphic>
          <a:graphicData uri="http://schemas.openxmlformats.org/drawingml/2006/chart">
            <c:chart xmlns:c="http://schemas.openxmlformats.org/drawingml/2006/chart" xmlns:r="http://schemas.openxmlformats.org/officeDocument/2006/relationships" r:id="rId2"/>
          </a:graphicData>
        </a:graphic>
      </p:graphicFrame>
      <p:sp>
        <p:nvSpPr>
          <p:cNvPr id="6" name="TextBox 5">
            <a:extLst>
              <a:ext uri="{FF2B5EF4-FFF2-40B4-BE49-F238E27FC236}">
                <a16:creationId xmlns:a16="http://schemas.microsoft.com/office/drawing/2014/main" id="{F68081C5-F002-4C5A-9329-6C544A51F155}"/>
              </a:ext>
            </a:extLst>
          </p:cNvPr>
          <p:cNvSpPr txBox="1"/>
          <p:nvPr/>
        </p:nvSpPr>
        <p:spPr>
          <a:xfrm>
            <a:off x="263524" y="1055351"/>
            <a:ext cx="11299970" cy="306000"/>
          </a:xfrm>
          <a:prstGeom prst="rect">
            <a:avLst/>
          </a:prstGeom>
          <a:noFill/>
        </p:spPr>
        <p:txBody>
          <a:bodyPr wrap="none" lIns="0" tIns="0" rIns="0" bIns="0" rtlCol="0">
            <a:noAutofit/>
          </a:bodyPr>
          <a:lstStyle/>
          <a:p>
            <a:pPr algn="l"/>
            <a:r>
              <a:rPr lang="en-GB" sz="1600" dirty="0"/>
              <a:t>Typically, prices spiked when RES share in demand approaches down to 40%</a:t>
            </a:r>
            <a:endParaRPr lang="en-US" sz="1600" dirty="0" err="1"/>
          </a:p>
        </p:txBody>
      </p:sp>
    </p:spTree>
    <p:extLst>
      <p:ext uri="{BB962C8B-B14F-4D97-AF65-F5344CB8AC3E}">
        <p14:creationId xmlns:p14="http://schemas.microsoft.com/office/powerpoint/2010/main" val="194466550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16864413-09EC-42FA-B978-15DEE214E54D}"/>
              </a:ext>
            </a:extLst>
          </p:cNvPr>
          <p:cNvSpPr>
            <a:spLocks noGrp="1"/>
          </p:cNvSpPr>
          <p:nvPr>
            <p:ph type="ftr" sz="quarter" idx="11"/>
          </p:nvPr>
        </p:nvSpPr>
        <p:spPr/>
        <p:txBody>
          <a:bodyPr/>
          <a:lstStyle/>
          <a:p>
            <a:endParaRPr lang="en-US" dirty="0"/>
          </a:p>
        </p:txBody>
      </p:sp>
      <p:sp>
        <p:nvSpPr>
          <p:cNvPr id="5" name="Title 4">
            <a:extLst>
              <a:ext uri="{FF2B5EF4-FFF2-40B4-BE49-F238E27FC236}">
                <a16:creationId xmlns:a16="http://schemas.microsoft.com/office/drawing/2014/main" id="{071BE59E-7337-4376-B9BB-F0C40134D63C}"/>
              </a:ext>
            </a:extLst>
          </p:cNvPr>
          <p:cNvSpPr>
            <a:spLocks noGrp="1"/>
          </p:cNvSpPr>
          <p:nvPr>
            <p:ph type="title"/>
          </p:nvPr>
        </p:nvSpPr>
        <p:spPr>
          <a:xfrm>
            <a:off x="263523" y="187199"/>
            <a:ext cx="10264659" cy="435600"/>
          </a:xfrm>
        </p:spPr>
        <p:txBody>
          <a:bodyPr/>
          <a:lstStyle/>
          <a:p>
            <a:r>
              <a:rPr lang="en-GB" dirty="0"/>
              <a:t>Correlation Between Renewables Output and Electricity Prices – Spain </a:t>
            </a:r>
            <a:endParaRPr lang="en-US" dirty="0"/>
          </a:p>
        </p:txBody>
      </p:sp>
      <p:sp>
        <p:nvSpPr>
          <p:cNvPr id="4" name="TextBox 3">
            <a:extLst>
              <a:ext uri="{FF2B5EF4-FFF2-40B4-BE49-F238E27FC236}">
                <a16:creationId xmlns:a16="http://schemas.microsoft.com/office/drawing/2014/main" id="{B8F938F9-2F85-49AD-B112-5B2157CE6A45}"/>
              </a:ext>
            </a:extLst>
          </p:cNvPr>
          <p:cNvSpPr txBox="1"/>
          <p:nvPr/>
        </p:nvSpPr>
        <p:spPr>
          <a:xfrm>
            <a:off x="263524" y="1055351"/>
            <a:ext cx="11299970" cy="306000"/>
          </a:xfrm>
          <a:prstGeom prst="rect">
            <a:avLst/>
          </a:prstGeom>
          <a:noFill/>
        </p:spPr>
        <p:txBody>
          <a:bodyPr wrap="none" lIns="0" tIns="0" rIns="0" bIns="0" rtlCol="0">
            <a:noAutofit/>
          </a:bodyPr>
          <a:lstStyle/>
          <a:p>
            <a:pPr algn="l"/>
            <a:r>
              <a:rPr lang="en-GB" sz="1600" dirty="0"/>
              <a:t>Relatively stronger correlation at very low and very high renewables share in demand</a:t>
            </a:r>
            <a:endParaRPr lang="en-US" sz="1600" dirty="0" err="1"/>
          </a:p>
        </p:txBody>
      </p:sp>
      <p:graphicFrame>
        <p:nvGraphicFramePr>
          <p:cNvPr id="7" name="Chart 6">
            <a:extLst>
              <a:ext uri="{FF2B5EF4-FFF2-40B4-BE49-F238E27FC236}">
                <a16:creationId xmlns:a16="http://schemas.microsoft.com/office/drawing/2014/main" id="{DE7AAA33-3D67-4970-BFA5-65AB3AA5DA02}"/>
              </a:ext>
            </a:extLst>
          </p:cNvPr>
          <p:cNvGraphicFramePr>
            <a:graphicFrameLocks/>
          </p:cNvGraphicFramePr>
          <p:nvPr>
            <p:extLst>
              <p:ext uri="{D42A27DB-BD31-4B8C-83A1-F6EECF244321}">
                <p14:modId xmlns:p14="http://schemas.microsoft.com/office/powerpoint/2010/main" val="1256861215"/>
              </p:ext>
            </p:extLst>
          </p:nvPr>
        </p:nvGraphicFramePr>
        <p:xfrm>
          <a:off x="1545695" y="1408317"/>
          <a:ext cx="8804166" cy="4399436"/>
        </p:xfrm>
        <a:graphic>
          <a:graphicData uri="http://schemas.openxmlformats.org/drawingml/2006/chart">
            <c:chart xmlns:c="http://schemas.openxmlformats.org/drawingml/2006/chart" xmlns:r="http://schemas.openxmlformats.org/officeDocument/2006/relationships" r:id="rId3"/>
          </a:graphicData>
        </a:graphic>
      </p:graphicFrame>
      <p:sp>
        <p:nvSpPr>
          <p:cNvPr id="8"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79008BC0-7860-4C92-87AA-C70AFF2131E5}"/>
              </a:ext>
            </a:extLst>
          </p:cNvPr>
          <p:cNvSpPr txBox="1"/>
          <p:nvPr/>
        </p:nvSpPr>
        <p:spPr bwMode="gray">
          <a:xfrm>
            <a:off x="777600" y="6539188"/>
            <a:ext cx="24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
        <p:nvSpPr>
          <p:cNvPr id="9" name="TextBox 8">
            <a:extLst>
              <a:ext uri="{FF2B5EF4-FFF2-40B4-BE49-F238E27FC236}">
                <a16:creationId xmlns:a16="http://schemas.microsoft.com/office/drawing/2014/main" id="{105C78B5-29F1-4A17-A70D-57570DFDA9C3}"/>
              </a:ext>
            </a:extLst>
          </p:cNvPr>
          <p:cNvSpPr txBox="1"/>
          <p:nvPr/>
        </p:nvSpPr>
        <p:spPr>
          <a:xfrm>
            <a:off x="819545" y="6527648"/>
            <a:ext cx="2263633" cy="183545"/>
          </a:xfrm>
          <a:prstGeom prst="rect">
            <a:avLst/>
          </a:prstGeom>
          <a:noFill/>
        </p:spPr>
        <p:txBody>
          <a:bodyPr vert="horz" wrap="square" lIns="0" tIns="0" rIns="0" bIns="0" rtlCol="0" anchor="ctr">
            <a:noAutofit/>
          </a:bodyPr>
          <a:lstStyle/>
          <a:p>
            <a:pPr algn="l"/>
            <a:r>
              <a:rPr lang="en-GB" sz="900" dirty="0">
                <a:solidFill>
                  <a:schemeClr val="tx1"/>
                </a:solidFill>
                <a:cs typeface="Times New Roman" panose="02020603050405020304" pitchFamily="18" charset="0"/>
              </a:rPr>
              <a:t>© 2021 Hitachi Energy. All rights reserved.</a:t>
            </a:r>
            <a:endParaRPr lang="en-US" sz="900" dirty="0">
              <a:solidFill>
                <a:schemeClr val="tx1"/>
              </a:solidFill>
            </a:endParaRPr>
          </a:p>
        </p:txBody>
      </p:sp>
      <p:sp>
        <p:nvSpPr>
          <p:cNvPr id="11" name="TextBox 10">
            <a:extLst>
              <a:ext uri="{FF2B5EF4-FFF2-40B4-BE49-F238E27FC236}">
                <a16:creationId xmlns:a16="http://schemas.microsoft.com/office/drawing/2014/main" id="{D3A01D16-9354-426D-8AD6-90459CFED734}"/>
              </a:ext>
            </a:extLst>
          </p:cNvPr>
          <p:cNvSpPr txBox="1"/>
          <p:nvPr/>
        </p:nvSpPr>
        <p:spPr>
          <a:xfrm>
            <a:off x="5395852" y="5712231"/>
            <a:ext cx="3324013" cy="276999"/>
          </a:xfrm>
          <a:prstGeom prst="rect">
            <a:avLst/>
          </a:prstGeom>
          <a:noFill/>
        </p:spPr>
        <p:txBody>
          <a:bodyPr wrap="square">
            <a:spAutoFit/>
          </a:bodyPr>
          <a:lstStyle/>
          <a:p>
            <a:pPr algn="l"/>
            <a:r>
              <a:rPr lang="en-GB" sz="1200" b="1" dirty="0"/>
              <a:t>(December 2020 – April 2021</a:t>
            </a:r>
            <a:endParaRPr lang="en-US" sz="1200" b="1" dirty="0" err="1"/>
          </a:p>
        </p:txBody>
      </p:sp>
    </p:spTree>
    <p:extLst>
      <p:ext uri="{BB962C8B-B14F-4D97-AF65-F5344CB8AC3E}">
        <p14:creationId xmlns:p14="http://schemas.microsoft.com/office/powerpoint/2010/main" val="227781558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5C067D2-E03A-46C1-9336-D963E48650C9}"/>
              </a:ext>
            </a:extLst>
          </p:cNvPr>
          <p:cNvSpPr>
            <a:spLocks noGrp="1"/>
          </p:cNvSpPr>
          <p:nvPr>
            <p:ph type="ftr" sz="quarter" idx="11"/>
          </p:nvPr>
        </p:nvSpPr>
        <p:spPr/>
        <p:txBody>
          <a:bodyPr/>
          <a:lstStyle/>
          <a:p>
            <a:endParaRPr lang="en-US" dirty="0"/>
          </a:p>
        </p:txBody>
      </p:sp>
      <p:sp>
        <p:nvSpPr>
          <p:cNvPr id="5" name="Title 4">
            <a:extLst>
              <a:ext uri="{FF2B5EF4-FFF2-40B4-BE49-F238E27FC236}">
                <a16:creationId xmlns:a16="http://schemas.microsoft.com/office/drawing/2014/main" id="{AF2A390B-F4E6-4F72-AF86-4D242EA697D7}"/>
              </a:ext>
            </a:extLst>
          </p:cNvPr>
          <p:cNvSpPr>
            <a:spLocks noGrp="1"/>
          </p:cNvSpPr>
          <p:nvPr>
            <p:ph type="title"/>
          </p:nvPr>
        </p:nvSpPr>
        <p:spPr>
          <a:xfrm>
            <a:off x="263524" y="90000"/>
            <a:ext cx="9418358" cy="532799"/>
          </a:xfrm>
        </p:spPr>
        <p:txBody>
          <a:bodyPr/>
          <a:lstStyle/>
          <a:p>
            <a:r>
              <a:rPr lang="en-GB" dirty="0"/>
              <a:t>Long-Term Effects of Weather </a:t>
            </a:r>
            <a:endParaRPr lang="en-US" dirty="0"/>
          </a:p>
        </p:txBody>
      </p:sp>
      <p:sp>
        <p:nvSpPr>
          <p:cNvPr id="12" name="TextBox 11">
            <a:extLst>
              <a:ext uri="{FF2B5EF4-FFF2-40B4-BE49-F238E27FC236}">
                <a16:creationId xmlns:a16="http://schemas.microsoft.com/office/drawing/2014/main" id="{13AEB1BE-D368-421D-95AE-B7F1C1660936}"/>
              </a:ext>
            </a:extLst>
          </p:cNvPr>
          <p:cNvSpPr txBox="1"/>
          <p:nvPr/>
        </p:nvSpPr>
        <p:spPr>
          <a:xfrm>
            <a:off x="263524" y="961053"/>
            <a:ext cx="10160636" cy="569167"/>
          </a:xfrm>
          <a:prstGeom prst="rect">
            <a:avLst/>
          </a:prstGeom>
          <a:noFill/>
        </p:spPr>
        <p:txBody>
          <a:bodyPr wrap="square" lIns="0" tIns="0" rIns="0" bIns="0" rtlCol="0">
            <a:noAutofit/>
          </a:bodyPr>
          <a:lstStyle/>
          <a:p>
            <a:pPr algn="l"/>
            <a:r>
              <a:rPr lang="en-GB" sz="1800" dirty="0"/>
              <a:t>Inter-year Net-demand (demand – ‘wind + solar’) variability is significant and unpredictable </a:t>
            </a:r>
            <a:endParaRPr lang="en-US" sz="1400" dirty="0" err="1"/>
          </a:p>
        </p:txBody>
      </p:sp>
      <p:grpSp>
        <p:nvGrpSpPr>
          <p:cNvPr id="15" name="Group 14">
            <a:extLst>
              <a:ext uri="{FF2B5EF4-FFF2-40B4-BE49-F238E27FC236}">
                <a16:creationId xmlns:a16="http://schemas.microsoft.com/office/drawing/2014/main" id="{F2243FEC-70C6-43E6-988A-7046FC6F0424}"/>
              </a:ext>
            </a:extLst>
          </p:cNvPr>
          <p:cNvGrpSpPr/>
          <p:nvPr/>
        </p:nvGrpSpPr>
        <p:grpSpPr>
          <a:xfrm>
            <a:off x="263524" y="1419214"/>
            <a:ext cx="10285405" cy="4602951"/>
            <a:chOff x="676885" y="1251051"/>
            <a:chExt cx="10285405" cy="4602951"/>
          </a:xfrm>
        </p:grpSpPr>
        <p:sp>
          <p:nvSpPr>
            <p:cNvPr id="14" name="Rectangle 13">
              <a:extLst>
                <a:ext uri="{FF2B5EF4-FFF2-40B4-BE49-F238E27FC236}">
                  <a16:creationId xmlns:a16="http://schemas.microsoft.com/office/drawing/2014/main" id="{8FB2CE00-1879-4836-9695-E96DEA892F95}"/>
                </a:ext>
              </a:extLst>
            </p:cNvPr>
            <p:cNvSpPr/>
            <p:nvPr/>
          </p:nvSpPr>
          <p:spPr>
            <a:xfrm>
              <a:off x="1641836" y="3785529"/>
              <a:ext cx="9320454" cy="1206885"/>
            </a:xfrm>
            <a:prstGeom prst="rect">
              <a:avLst/>
            </a:prstGeom>
            <a:solidFill>
              <a:srgbClr val="92D050">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11" name="Rectangle 10">
              <a:extLst>
                <a:ext uri="{FF2B5EF4-FFF2-40B4-BE49-F238E27FC236}">
                  <a16:creationId xmlns:a16="http://schemas.microsoft.com/office/drawing/2014/main" id="{9BF9F9CE-2720-4716-9FDE-4258D29829CC}"/>
                </a:ext>
              </a:extLst>
            </p:cNvPr>
            <p:cNvSpPr/>
            <p:nvPr/>
          </p:nvSpPr>
          <p:spPr>
            <a:xfrm>
              <a:off x="1641836" y="3155396"/>
              <a:ext cx="9320454" cy="630133"/>
            </a:xfrm>
            <a:prstGeom prst="rect">
              <a:avLst/>
            </a:prstGeom>
            <a:solidFill>
              <a:srgbClr val="FFFF00">
                <a:alpha val="5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sp>
          <p:nvSpPr>
            <p:cNvPr id="9" name="Rectangle 8">
              <a:extLst>
                <a:ext uri="{FF2B5EF4-FFF2-40B4-BE49-F238E27FC236}">
                  <a16:creationId xmlns:a16="http://schemas.microsoft.com/office/drawing/2014/main" id="{D207FDA0-1737-4943-9D64-05C11A21C585}"/>
                </a:ext>
              </a:extLst>
            </p:cNvPr>
            <p:cNvSpPr/>
            <p:nvPr/>
          </p:nvSpPr>
          <p:spPr>
            <a:xfrm>
              <a:off x="1641836" y="2018988"/>
              <a:ext cx="9320454" cy="1116951"/>
            </a:xfrm>
            <a:prstGeom prst="rect">
              <a:avLst/>
            </a:prstGeom>
            <a:solidFill>
              <a:schemeClr val="bg2">
                <a:lumMod val="20000"/>
                <a:lumOff val="80000"/>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l"/>
              <a:endParaRPr lang="en-US" sz="1400" dirty="0" err="1">
                <a:solidFill>
                  <a:schemeClr val="tx1"/>
                </a:solidFill>
              </a:endParaRPr>
            </a:p>
          </p:txBody>
        </p:sp>
        <p:graphicFrame>
          <p:nvGraphicFramePr>
            <p:cNvPr id="17" name="Chart 16">
              <a:extLst>
                <a:ext uri="{FF2B5EF4-FFF2-40B4-BE49-F238E27FC236}">
                  <a16:creationId xmlns:a16="http://schemas.microsoft.com/office/drawing/2014/main" id="{A08F04FA-79C1-45D7-B71D-0ED701A029FA}"/>
                </a:ext>
              </a:extLst>
            </p:cNvPr>
            <p:cNvGraphicFramePr>
              <a:graphicFrameLocks/>
            </p:cNvGraphicFramePr>
            <p:nvPr/>
          </p:nvGraphicFramePr>
          <p:xfrm>
            <a:off x="676885" y="1251051"/>
            <a:ext cx="10285405" cy="4602951"/>
          </p:xfrm>
          <a:graphic>
            <a:graphicData uri="http://schemas.openxmlformats.org/drawingml/2006/chart">
              <c:chart xmlns:c="http://schemas.openxmlformats.org/drawingml/2006/chart" xmlns:r="http://schemas.openxmlformats.org/officeDocument/2006/relationships" r:id="rId3"/>
            </a:graphicData>
          </a:graphic>
        </p:graphicFrame>
        <p:sp>
          <p:nvSpPr>
            <p:cNvPr id="4" name="Oval 3">
              <a:extLst>
                <a:ext uri="{FF2B5EF4-FFF2-40B4-BE49-F238E27FC236}">
                  <a16:creationId xmlns:a16="http://schemas.microsoft.com/office/drawing/2014/main" id="{678FCF5C-7A91-44B7-BB64-8E81B3008535}"/>
                </a:ext>
              </a:extLst>
            </p:cNvPr>
            <p:cNvSpPr/>
            <p:nvPr/>
          </p:nvSpPr>
          <p:spPr>
            <a:xfrm>
              <a:off x="2748888" y="4246362"/>
              <a:ext cx="698869" cy="318794"/>
            </a:xfrm>
            <a:prstGeom prst="ellipse">
              <a:avLst/>
            </a:prstGeom>
            <a:noFill/>
            <a:ln w="38100" cap="flat" cmpd="sng" algn="ctr">
              <a:solidFill>
                <a:srgbClr val="00B050"/>
              </a:solidFill>
              <a:prstDash val="solid"/>
              <a:round/>
              <a:headEnd type="none" w="med" len="med"/>
              <a:tailEnd type="none" w="med" len="med"/>
            </a:ln>
          </p:spPr>
          <p:style>
            <a:lnRef idx="0">
              <a:scrgbClr r="0" g="0" b="0"/>
            </a:lnRef>
            <a:fillRef idx="0">
              <a:scrgbClr r="0" g="0" b="0"/>
            </a:fillRef>
            <a:effectRef idx="0">
              <a:scrgbClr r="0" g="0" b="0"/>
            </a:effectRef>
            <a:fontRef idx="minor">
              <a:schemeClr val="accent1"/>
            </a:fontRef>
          </p:style>
          <p:txBody>
            <a:bodyPr rtlCol="0" anchor="t"/>
            <a:lstStyle/>
            <a:p>
              <a:pPr algn="l"/>
              <a:endParaRPr lang="en-US" sz="1400" dirty="0" err="1">
                <a:solidFill>
                  <a:schemeClr val="tx1"/>
                </a:solidFill>
              </a:endParaRPr>
            </a:p>
          </p:txBody>
        </p:sp>
        <p:sp>
          <p:nvSpPr>
            <p:cNvPr id="10" name="Oval 9">
              <a:extLst>
                <a:ext uri="{FF2B5EF4-FFF2-40B4-BE49-F238E27FC236}">
                  <a16:creationId xmlns:a16="http://schemas.microsoft.com/office/drawing/2014/main" id="{A2A3754B-6D4E-4DE6-B342-59AC5B8540AF}"/>
                </a:ext>
              </a:extLst>
            </p:cNvPr>
            <p:cNvSpPr/>
            <p:nvPr/>
          </p:nvSpPr>
          <p:spPr>
            <a:xfrm>
              <a:off x="4891150" y="2381814"/>
              <a:ext cx="698869" cy="318794"/>
            </a:xfrm>
            <a:prstGeom prst="ellipse">
              <a:avLst/>
            </a:prstGeom>
            <a:noFill/>
            <a:ln w="38100" cap="flat" cmpd="sng" algn="ctr">
              <a:solidFill>
                <a:schemeClr val="tx2"/>
              </a:solidFill>
              <a:prstDash val="solid"/>
              <a:round/>
              <a:headEnd type="none" w="med" len="med"/>
              <a:tailEnd type="none" w="med" len="med"/>
            </a:ln>
          </p:spPr>
          <p:style>
            <a:lnRef idx="0">
              <a:scrgbClr r="0" g="0" b="0"/>
            </a:lnRef>
            <a:fillRef idx="0">
              <a:scrgbClr r="0" g="0" b="0"/>
            </a:fillRef>
            <a:effectRef idx="0">
              <a:scrgbClr r="0" g="0" b="0"/>
            </a:effectRef>
            <a:fontRef idx="minor">
              <a:schemeClr val="accent1"/>
            </a:fontRef>
          </p:style>
          <p:txBody>
            <a:bodyPr rtlCol="0" anchor="t"/>
            <a:lstStyle/>
            <a:p>
              <a:pPr algn="l"/>
              <a:endParaRPr lang="en-US" sz="1400" dirty="0" err="1">
                <a:solidFill>
                  <a:schemeClr val="tx1"/>
                </a:solidFill>
              </a:endParaRPr>
            </a:p>
          </p:txBody>
        </p:sp>
        <p:sp>
          <p:nvSpPr>
            <p:cNvPr id="6" name="TextBox 5">
              <a:extLst>
                <a:ext uri="{FF2B5EF4-FFF2-40B4-BE49-F238E27FC236}">
                  <a16:creationId xmlns:a16="http://schemas.microsoft.com/office/drawing/2014/main" id="{2F1876CC-B558-41EF-B981-721A2ED9C2E7}"/>
                </a:ext>
              </a:extLst>
            </p:cNvPr>
            <p:cNvSpPr txBox="1"/>
            <p:nvPr/>
          </p:nvSpPr>
          <p:spPr>
            <a:xfrm>
              <a:off x="5590019" y="1999531"/>
              <a:ext cx="1343885" cy="736297"/>
            </a:xfrm>
            <a:prstGeom prst="rect">
              <a:avLst/>
            </a:prstGeom>
            <a:noFill/>
          </p:spPr>
          <p:txBody>
            <a:bodyPr wrap="none" lIns="0" tIns="0" rIns="0" bIns="0" rtlCol="0">
              <a:noAutofit/>
            </a:bodyPr>
            <a:lstStyle/>
            <a:p>
              <a:pPr algn="ctr"/>
              <a:r>
                <a:rPr lang="en-GB" sz="1400" b="1" dirty="0">
                  <a:solidFill>
                    <a:schemeClr val="tx2"/>
                  </a:solidFill>
                </a:rPr>
                <a:t>High</a:t>
              </a:r>
              <a:br>
                <a:rPr lang="en-GB" sz="1400" b="1" dirty="0">
                  <a:solidFill>
                    <a:schemeClr val="tx2"/>
                  </a:solidFill>
                </a:rPr>
              </a:br>
              <a:r>
                <a:rPr lang="en-GB" sz="1400" b="1" dirty="0">
                  <a:solidFill>
                    <a:schemeClr val="tx2"/>
                  </a:solidFill>
                </a:rPr>
                <a:t>net-demand</a:t>
              </a:r>
              <a:br>
                <a:rPr lang="en-GB" sz="1400" b="1" dirty="0">
                  <a:solidFill>
                    <a:schemeClr val="tx2"/>
                  </a:solidFill>
                </a:rPr>
              </a:br>
              <a:r>
                <a:rPr lang="en-GB" sz="1400" b="1" dirty="0">
                  <a:solidFill>
                    <a:schemeClr val="tx2"/>
                  </a:solidFill>
                </a:rPr>
                <a:t>centroid year</a:t>
              </a:r>
              <a:endParaRPr lang="en-US" sz="1400" b="1" dirty="0" err="1">
                <a:solidFill>
                  <a:schemeClr val="tx2"/>
                </a:solidFill>
              </a:endParaRPr>
            </a:p>
          </p:txBody>
        </p:sp>
        <p:sp>
          <p:nvSpPr>
            <p:cNvPr id="13" name="TextBox 12">
              <a:extLst>
                <a:ext uri="{FF2B5EF4-FFF2-40B4-BE49-F238E27FC236}">
                  <a16:creationId xmlns:a16="http://schemas.microsoft.com/office/drawing/2014/main" id="{8D17CF13-8DFF-4EF6-ADC4-7E2D41160F33}"/>
                </a:ext>
              </a:extLst>
            </p:cNvPr>
            <p:cNvSpPr txBox="1"/>
            <p:nvPr/>
          </p:nvSpPr>
          <p:spPr>
            <a:xfrm>
              <a:off x="2289931" y="4620246"/>
              <a:ext cx="1157825" cy="736297"/>
            </a:xfrm>
            <a:prstGeom prst="rect">
              <a:avLst/>
            </a:prstGeom>
            <a:noFill/>
          </p:spPr>
          <p:txBody>
            <a:bodyPr wrap="none" lIns="0" tIns="0" rIns="0" bIns="0" rtlCol="0">
              <a:noAutofit/>
            </a:bodyPr>
            <a:lstStyle/>
            <a:p>
              <a:pPr algn="ctr"/>
              <a:r>
                <a:rPr lang="en-GB" sz="1400" b="1" dirty="0">
                  <a:solidFill>
                    <a:srgbClr val="00B050"/>
                  </a:solidFill>
                </a:rPr>
                <a:t>Low</a:t>
              </a:r>
              <a:br>
                <a:rPr lang="en-GB" sz="1400" b="1" dirty="0">
                  <a:solidFill>
                    <a:srgbClr val="00B050"/>
                  </a:solidFill>
                </a:rPr>
              </a:br>
              <a:r>
                <a:rPr lang="en-GB" sz="1400" b="1" dirty="0">
                  <a:solidFill>
                    <a:srgbClr val="00B050"/>
                  </a:solidFill>
                </a:rPr>
                <a:t>net-demand</a:t>
              </a:r>
              <a:br>
                <a:rPr lang="en-GB" sz="1400" b="1" dirty="0">
                  <a:solidFill>
                    <a:srgbClr val="00B050"/>
                  </a:solidFill>
                </a:rPr>
              </a:br>
              <a:r>
                <a:rPr lang="en-GB" sz="1400" b="1" dirty="0">
                  <a:solidFill>
                    <a:srgbClr val="00B050"/>
                  </a:solidFill>
                </a:rPr>
                <a:t>centroid year</a:t>
              </a:r>
              <a:endParaRPr lang="en-US" sz="1400" b="1" dirty="0" err="1">
                <a:solidFill>
                  <a:srgbClr val="00B050"/>
                </a:solidFill>
              </a:endParaRPr>
            </a:p>
          </p:txBody>
        </p:sp>
      </p:grpSp>
      <p:sp>
        <p:nvSpPr>
          <p:cNvPr id="18" name="TextBox 17">
            <a:extLst>
              <a:ext uri="{FF2B5EF4-FFF2-40B4-BE49-F238E27FC236}">
                <a16:creationId xmlns:a16="http://schemas.microsoft.com/office/drawing/2014/main" id="{8A8312BC-6A39-4B93-A62E-EA303133C5BB}"/>
              </a:ext>
            </a:extLst>
          </p:cNvPr>
          <p:cNvSpPr txBox="1"/>
          <p:nvPr/>
        </p:nvSpPr>
        <p:spPr>
          <a:xfrm>
            <a:off x="10548929" y="2658781"/>
            <a:ext cx="1518271" cy="277021"/>
          </a:xfrm>
          <a:prstGeom prst="rect">
            <a:avLst/>
          </a:prstGeom>
          <a:noFill/>
        </p:spPr>
        <p:txBody>
          <a:bodyPr wrap="square" lIns="0" tIns="0" rIns="0" bIns="0" rtlCol="0">
            <a:noAutofit/>
          </a:bodyPr>
          <a:lstStyle/>
          <a:p>
            <a:pPr algn="ctr"/>
            <a:r>
              <a:rPr lang="en-GB" sz="1200" b="1" dirty="0">
                <a:solidFill>
                  <a:srgbClr val="FF0000"/>
                </a:solidFill>
              </a:rPr>
              <a:t>High Net-Demand Year</a:t>
            </a:r>
            <a:endParaRPr lang="en-US" sz="1200" b="1" dirty="0" err="1">
              <a:solidFill>
                <a:srgbClr val="FF0000"/>
              </a:solidFill>
            </a:endParaRPr>
          </a:p>
        </p:txBody>
      </p:sp>
      <p:sp>
        <p:nvSpPr>
          <p:cNvPr id="19" name="TextBox 18">
            <a:extLst>
              <a:ext uri="{FF2B5EF4-FFF2-40B4-BE49-F238E27FC236}">
                <a16:creationId xmlns:a16="http://schemas.microsoft.com/office/drawing/2014/main" id="{CAA431D0-0ECE-4791-B507-3F5B4FE5BFE8}"/>
              </a:ext>
            </a:extLst>
          </p:cNvPr>
          <p:cNvSpPr txBox="1"/>
          <p:nvPr/>
        </p:nvSpPr>
        <p:spPr>
          <a:xfrm>
            <a:off x="10711480" y="3582180"/>
            <a:ext cx="1480520" cy="277021"/>
          </a:xfrm>
          <a:prstGeom prst="rect">
            <a:avLst/>
          </a:prstGeom>
          <a:noFill/>
        </p:spPr>
        <p:txBody>
          <a:bodyPr wrap="square" lIns="0" tIns="0" rIns="0" bIns="0" rtlCol="0">
            <a:noAutofit/>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algn="ctr"/>
            <a:r>
              <a:rPr lang="en-GB" sz="1200" b="1" dirty="0">
                <a:solidFill>
                  <a:srgbClr val="FFC000"/>
                </a:solidFill>
              </a:rPr>
              <a:t>Average Net-Demand Year</a:t>
            </a:r>
            <a:endParaRPr lang="en-US" sz="1200" b="1" dirty="0" err="1">
              <a:solidFill>
                <a:srgbClr val="FFC000"/>
              </a:solidFill>
            </a:endParaRPr>
          </a:p>
        </p:txBody>
      </p:sp>
      <p:sp>
        <p:nvSpPr>
          <p:cNvPr id="20" name="TextBox 19">
            <a:extLst>
              <a:ext uri="{FF2B5EF4-FFF2-40B4-BE49-F238E27FC236}">
                <a16:creationId xmlns:a16="http://schemas.microsoft.com/office/drawing/2014/main" id="{C58FF49D-6BC2-41F9-A061-5ADF8889F5B0}"/>
              </a:ext>
            </a:extLst>
          </p:cNvPr>
          <p:cNvSpPr txBox="1"/>
          <p:nvPr/>
        </p:nvSpPr>
        <p:spPr>
          <a:xfrm>
            <a:off x="10711480" y="4429925"/>
            <a:ext cx="1526750" cy="303395"/>
          </a:xfrm>
          <a:prstGeom prst="rect">
            <a:avLst/>
          </a:prstGeom>
          <a:noFill/>
        </p:spPr>
        <p:txBody>
          <a:bodyPr wrap="square" lIns="0" tIns="0" rIns="0" bIns="0" rtlCol="0">
            <a:noAutofit/>
          </a:bodyPr>
          <a:lstStyle/>
          <a:p>
            <a:pPr algn="ctr"/>
            <a:r>
              <a:rPr lang="en-GB" sz="1200" b="1" dirty="0">
                <a:solidFill>
                  <a:srgbClr val="00B050"/>
                </a:solidFill>
              </a:rPr>
              <a:t>Low Net-Demand Year</a:t>
            </a:r>
            <a:endParaRPr lang="en-US" sz="1200" b="1" dirty="0" err="1">
              <a:solidFill>
                <a:srgbClr val="00B050"/>
              </a:solidFill>
            </a:endParaRPr>
          </a:p>
        </p:txBody>
      </p:sp>
      <p:sp>
        <p:nvSpPr>
          <p:cNvPr id="21" name="text" descr="{&#10; &quot;SkabelonDesign&quot;: {&#10; &quot;textualValue&quot;: &quot;&lt;key1/&gt;&quot;,&#10; &quot;bindingCollection&quot;: {&#10; &quot;key1&quot;: {&quot;SkabelonDesign&quot;:{&quot;type&quot;:&quot;Text&quot;,&quot;binding&quot;:&quot;Copyright&quot;}}&#10; }&#10; }&#10;}">
            <a:extLst>
              <a:ext uri="{FF2B5EF4-FFF2-40B4-BE49-F238E27FC236}">
                <a16:creationId xmlns:a16="http://schemas.microsoft.com/office/drawing/2014/main" id="{EF3DB371-3162-4E48-B872-2FB48C2BD17D}"/>
              </a:ext>
            </a:extLst>
          </p:cNvPr>
          <p:cNvSpPr txBox="1"/>
          <p:nvPr/>
        </p:nvSpPr>
        <p:spPr bwMode="gray">
          <a:xfrm>
            <a:off x="777600" y="6539188"/>
            <a:ext cx="24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endParaRPr kumimoji="0" lang="en-GB" sz="900" b="0" i="0" u="none" strike="noStrike" kern="1200" cap="none" spc="-10" normalizeH="0" baseline="0" noProof="0" dirty="0">
              <a:ln>
                <a:noFill/>
              </a:ln>
              <a:solidFill>
                <a:schemeClr val="tx1"/>
              </a:solidFill>
              <a:effectLst/>
              <a:uLnTx/>
              <a:uFillTx/>
              <a:latin typeface="+mn-lt"/>
              <a:ea typeface="+mn-ea"/>
              <a:cs typeface="+mn-cs"/>
            </a:endParaRPr>
          </a:p>
        </p:txBody>
      </p:sp>
      <p:sp>
        <p:nvSpPr>
          <p:cNvPr id="22" name="TextBox 21">
            <a:extLst>
              <a:ext uri="{FF2B5EF4-FFF2-40B4-BE49-F238E27FC236}">
                <a16:creationId xmlns:a16="http://schemas.microsoft.com/office/drawing/2014/main" id="{14FC4DC0-ED02-4F22-87EF-9F11238069D8}"/>
              </a:ext>
            </a:extLst>
          </p:cNvPr>
          <p:cNvSpPr txBox="1"/>
          <p:nvPr/>
        </p:nvSpPr>
        <p:spPr>
          <a:xfrm>
            <a:off x="819545" y="6527648"/>
            <a:ext cx="2263633" cy="183545"/>
          </a:xfrm>
          <a:prstGeom prst="rect">
            <a:avLst/>
          </a:prstGeom>
          <a:noFill/>
        </p:spPr>
        <p:txBody>
          <a:bodyPr vert="horz" wrap="square" lIns="0" tIns="0" rIns="0" bIns="0" rtlCol="0" anchor="ctr">
            <a:noAutofit/>
          </a:bodyPr>
          <a:lstStyle/>
          <a:p>
            <a:pPr algn="l"/>
            <a:r>
              <a:rPr lang="en-GB" sz="900" dirty="0">
                <a:solidFill>
                  <a:schemeClr val="tx1"/>
                </a:solidFill>
                <a:cs typeface="Times New Roman" panose="02020603050405020304" pitchFamily="18" charset="0"/>
              </a:rPr>
              <a:t>© 2021 Hitachi Energy. All rights reserved.</a:t>
            </a:r>
            <a:endParaRPr lang="en-US" sz="900" dirty="0">
              <a:solidFill>
                <a:schemeClr val="tx1"/>
              </a:solidFill>
            </a:endParaRPr>
          </a:p>
        </p:txBody>
      </p:sp>
      <p:sp>
        <p:nvSpPr>
          <p:cNvPr id="23" name="TextBox 22">
            <a:extLst>
              <a:ext uri="{FF2B5EF4-FFF2-40B4-BE49-F238E27FC236}">
                <a16:creationId xmlns:a16="http://schemas.microsoft.com/office/drawing/2014/main" id="{629309AF-6678-4AA3-BFD1-E91E2B034D2B}"/>
              </a:ext>
            </a:extLst>
          </p:cNvPr>
          <p:cNvSpPr txBox="1"/>
          <p:nvPr/>
        </p:nvSpPr>
        <p:spPr>
          <a:xfrm>
            <a:off x="513123" y="6188904"/>
            <a:ext cx="2263633" cy="183545"/>
          </a:xfrm>
          <a:prstGeom prst="rect">
            <a:avLst/>
          </a:prstGeom>
          <a:noFill/>
        </p:spPr>
        <p:txBody>
          <a:bodyPr vert="horz" wrap="square" lIns="0" tIns="0" rIns="0" bIns="0" rtlCol="0" anchor="ctr">
            <a:noAutofit/>
          </a:bodyPr>
          <a:lstStyle/>
          <a:p>
            <a:pPr algn="l"/>
            <a:r>
              <a:rPr lang="en-GB" sz="900" dirty="0">
                <a:solidFill>
                  <a:schemeClr val="tx1"/>
                </a:solidFill>
                <a:cs typeface="Times New Roman" panose="02020603050405020304" pitchFamily="18" charset="0"/>
              </a:rPr>
              <a:t>Source: MAF 2020 (ENTSOE)</a:t>
            </a:r>
            <a:endParaRPr lang="en-US" sz="900" dirty="0">
              <a:solidFill>
                <a:schemeClr val="tx1"/>
              </a:solidFill>
            </a:endParaRPr>
          </a:p>
        </p:txBody>
      </p:sp>
    </p:spTree>
    <p:extLst>
      <p:ext uri="{BB962C8B-B14F-4D97-AF65-F5344CB8AC3E}">
        <p14:creationId xmlns:p14="http://schemas.microsoft.com/office/powerpoint/2010/main" val="3985795430"/>
      </p:ext>
    </p:extLst>
  </p:cSld>
  <p:clrMapOvr>
    <a:masterClrMapping/>
  </p:clrMapOvr>
</p:sld>
</file>

<file path=ppt/theme/theme1.xml><?xml version="1.0" encoding="utf-8"?>
<a:theme xmlns:a="http://schemas.openxmlformats.org/drawingml/2006/main" name="Hitachi ABB PowerPoint Template">
  <a:themeElements>
    <a:clrScheme name="Hitachi Colors">
      <a:dk1>
        <a:sysClr val="windowText" lastClr="000000"/>
      </a:dk1>
      <a:lt1>
        <a:sysClr val="window" lastClr="FFFFFF"/>
      </a:lt1>
      <a:dk2>
        <a:srgbClr val="FF0026"/>
      </a:dk2>
      <a:lt2>
        <a:srgbClr val="B1000E"/>
      </a:lt2>
      <a:accent1>
        <a:srgbClr val="7E000A"/>
      </a:accent1>
      <a:accent2>
        <a:srgbClr val="2D2D2D"/>
      </a:accent2>
      <a:accent3>
        <a:srgbClr val="4D4D4D"/>
      </a:accent3>
      <a:accent4>
        <a:srgbClr val="737373"/>
      </a:accent4>
      <a:accent5>
        <a:srgbClr val="B3B3B3"/>
      </a:accent5>
      <a:accent6>
        <a:srgbClr val="D9D9D9"/>
      </a:accent6>
      <a:hlink>
        <a:srgbClr val="FF0026"/>
      </a:hlink>
      <a:folHlink>
        <a:srgbClr val="B1000E"/>
      </a:folHlink>
    </a:clrScheme>
    <a:fontScheme name="Hitachi Font">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6"/>
        </a:solidFill>
        <a:ln>
          <a:noFill/>
        </a:ln>
      </a:spPr>
      <a:bodyPr rtlCol="0" anchor="t"/>
      <a:lstStyle>
        <a:defPPr algn="l">
          <a:defRPr sz="1400" dirty="0" err="1"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vert="horz" lIns="0" tIns="0" rIns="0" bIns="0" rtlCol="0" anchor="t">
        <a:noAutofit/>
      </a:bodyPr>
      <a:lstStyle>
        <a:defPPr algn="l">
          <a:defRPr sz="2400" dirty="0" smtClean="0">
            <a:solidFill>
              <a:schemeClr val="tx1"/>
            </a:solidFill>
          </a:defRPr>
        </a:defPPr>
      </a:lstStyle>
    </a:txDef>
  </a:objectDefaults>
  <a:extraClrSchemeLst/>
  <a:custClrLst>
    <a:custClr name="Yellow Dark">
      <a:srgbClr val="E5B82E"/>
    </a:custClr>
    <a:custClr name="Brown Dark">
      <a:srgbClr val="6F5A2B"/>
    </a:custClr>
    <a:custClr name="Olive Dark">
      <a:srgbClr val="565F21"/>
    </a:custClr>
    <a:custClr name="Green Dark">
      <a:srgbClr val="265646"/>
    </a:custClr>
    <a:custClr name="Blue Dark">
      <a:srgbClr val="2E4173"/>
    </a:custClr>
    <a:custClr name="Purple Dark">
      <a:srgbClr val="504B69"/>
    </a:custClr>
    <a:custClr name="Opera Dark">
      <a:srgbClr val="803268"/>
    </a:custClr>
    <a:custClr name="Rose Dark">
      <a:srgbClr val="772335"/>
    </a:custClr>
    <a:custClr name="blank">
      <a:srgbClr val="FFFFFF"/>
    </a:custClr>
    <a:custClr name="blank">
      <a:srgbClr val="FFFFFF"/>
    </a:custClr>
    <a:custClr name="Yellow Medium">
      <a:srgbClr val="F2D43D"/>
    </a:custClr>
    <a:custClr name="Brown Medium">
      <a:srgbClr val="B49246"/>
    </a:custClr>
    <a:custClr name="Olive Medium">
      <a:srgbClr val="99AC3C"/>
    </a:custClr>
    <a:custClr name="Green Medium">
      <a:srgbClr val="5DAA87"/>
    </a:custClr>
    <a:custClr name="Blue Medium">
      <a:srgbClr val="5373C2"/>
    </a:custClr>
    <a:custClr name="Purple Medium">
      <a:srgbClr val="8682B4"/>
    </a:custClr>
    <a:custClr name="Opera Medium">
      <a:srgbClr val="B24691"/>
    </a:custClr>
    <a:custClr name="Rose Medium">
      <a:srgbClr val="BA4E56"/>
    </a:custClr>
    <a:custClr name="blank">
      <a:srgbClr val="FFFFFF"/>
    </a:custClr>
    <a:custClr name="blank">
      <a:srgbClr val="FFFFFF"/>
    </a:custClr>
    <a:custClr name="Yellow Light">
      <a:srgbClr val="FFEC8C"/>
    </a:custClr>
    <a:custClr name="Brown Light">
      <a:srgbClr val="D5C193"/>
    </a:custClr>
    <a:custClr name="Olive Light">
      <a:srgbClr val="D0DA96"/>
    </a:custClr>
    <a:custClr name="Green Light">
      <a:srgbClr val="A4CEBB"/>
    </a:custClr>
    <a:custClr name="Blue Light">
      <a:srgbClr val="96ACE3"/>
    </a:custClr>
    <a:custClr name="Purple Light">
      <a:srgbClr val="B8B4C8"/>
    </a:custClr>
    <a:custClr name="Opera Light">
      <a:srgbClr val="DCA0C8"/>
    </a:custClr>
    <a:custClr name="Rose Light">
      <a:srgbClr val="E4B4AC"/>
    </a:custClr>
    <a:custClr name="blank">
      <a:srgbClr val="FFFFFF"/>
    </a:custClr>
    <a:custClr name="blank">
      <a:srgbClr val="FFFFFF"/>
    </a:custClr>
  </a:custClrLst>
  <a:extLst>
    <a:ext uri="{05A4C25C-085E-4340-85A3-A5531E510DB2}">
      <thm15:themeFamily xmlns:thm15="http://schemas.microsoft.com/office/thememl/2012/main" name="Presentation1" id="{387C3827-3C38-46B7-B7EF-08EF35410397}" vid="{3B3D2B3F-8A4F-4ADB-94D9-D2E79CCA1AC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明朝"/>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SharedWithUsers xmlns="5155bd8e-cfdd-4d40-97e4-4a842fb084d9">
      <UserInfo>
        <DisplayName>Anser Shakoor</DisplayName>
        <AccountId>13</AccountId>
        <AccountType/>
      </UserInfo>
      <UserInfo>
        <DisplayName>Guillaume Ridoux</DisplayName>
        <AccountId>43</AccountId>
        <AccountType/>
      </UserInfo>
    </SharedWithUsers>
  </documentManagement>
</p:properties>
</file>

<file path=customXml/item10.xml><?xml version="1.0" encoding="utf-8"?>
<TemplafySlideTemplateConfiguration><![CDATA[{"slideVersion":0,"isValidatorEnabled":false,"isLocked":false,"elementsMetadata":[],"slideId":"637287745125106876","enableDocumentContentUpdater":true,"version":"1.11"}]]></TemplafySlideTemplate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7287745125575593","enableDocumentContentUpdater":true,"version":"1.11"}]]></TemplafySlideTemplateConfiguration>
</file>

<file path=customXml/item5.xml><?xml version="1.0" encoding="utf-8"?>
<TemplafySlideTemplateConfiguration><![CDATA[{"slideVersion":0,"isValidatorEnabled":false,"isLocked":false,"elementsMetadata":[],"slideId":"637287745125731911","enableDocumentContentUpdater":true,"version":"1.11"}]]></TemplafySlideTemplate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8D0782E7F42F994C9FC4B408C13BD025" ma:contentTypeVersion="13" ma:contentTypeDescription="Create a new document." ma:contentTypeScope="" ma:versionID="dcf3cde7e6f00617dea3189aef1c1890">
  <xsd:schema xmlns:xsd="http://www.w3.org/2001/XMLSchema" xmlns:xs="http://www.w3.org/2001/XMLSchema" xmlns:p="http://schemas.microsoft.com/office/2006/metadata/properties" xmlns:ns2="3f1fe756-3ec3-451b-9618-d42bc8077d22" xmlns:ns3="5155bd8e-cfdd-4d40-97e4-4a842fb084d9" targetNamespace="http://schemas.microsoft.com/office/2006/metadata/properties" ma:root="true" ma:fieldsID="e2d256e1e4ef4614dd00024b6f9902c7" ns2:_="" ns3:_="">
    <xsd:import namespace="3f1fe756-3ec3-451b-9618-d42bc8077d22"/>
    <xsd:import namespace="5155bd8e-cfdd-4d40-97e4-4a842fb084d9"/>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GenerationTime" minOccurs="0"/>
                <xsd:element ref="ns2:MediaServiceEventHashCode" minOccurs="0"/>
                <xsd:element ref="ns2:MediaServiceOCR" minOccurs="0"/>
                <xsd:element ref="ns2:MediaServiceLocation" minOccurs="0"/>
                <xsd:element ref="ns3:SharedWithUsers" minOccurs="0"/>
                <xsd:element ref="ns3:SharedWithDetails"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f1fe756-3ec3-451b-9618-d42bc8077d2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Location" ma:index="15" nillable="true" ma:displayName="Location" ma:internalName="MediaServiceLocation"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5155bd8e-cfdd-4d40-97e4-4a842fb084d9"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FormConfiguration><![CDATA[{"formFields":[],"formDataEntries":[]}]]></TemplafySlideFormConfiguration>
</file>

<file path=customXml/item8.xml><?xml version="1.0" encoding="utf-8"?>
<TemplafyTemplateConfiguration><![CDATA[{"elementsMetadata":[],"transformationConfigurations":[{"propertyName":"title","propertyValue":"{{Form.DocumentTitle}}","disableUpdates":false,"type":"documentProperty"},{"propertyName":"SecurityLevel","propertyValue":"{{Form.PSecurityLevel.SecurityLevels}}","disableUpdates":false,"type":"customDocumentProperty"},{"propertyName":"subject","propertyValue":"{{Form.SupplementaryTitle}}","disableUpdates":false,"type":"documentProperty"},{"propertyName":"CreatorName","propertyValue":"{{UserProfile.Name}}","disableUpdates":false,"type":"customDocumentProperty"},{"propertyName":"DocumentKind","propertyValue":"Presentation","disableUpdates":false,"type":"customDocumentProperty"},{"propertyName":"DocumentId","propertyValue":"{{Form.DocumentID}}","disableUpdates":false,"type":"customDocumentProperty"},{"propertyName":"SupplementaryTitle","propertyValue":"{{Form.SupplementaryTitle}}","disableUpdates":false,"type":"customDocumentProperty"},{"propertyName":"DocumentTitle","propertyValue":"{{Form.DocumentTitle}}","disableUpdates":false,"type":"customDocumentProperty"},{"propertyName":"CopyrightYear","propertyValue":"{{Form.CopyrightInformation}}","disableUpdates":false,"type":"customDocumentProperty"},{"propertyName":"DocumentRevisionId","propertyValue":"{{Form.Prevision}}","disableUpdates":false,"type":"customDocumentProperty"},{"propertyName":"Date","propertyValue":"{{Form.Date}}","disableUpdates":false,"type":"customDocumentProperty"},{"propertyName":"Eventanddate","propertyValue":"{{Form.Eventanddate}}","disableUpdates":false,"type":"customDocumentProperty"},{"propertyName":"PreparedByPerson","propertyValue":"{{Form.PPreparedBy}}","disableUpdates":false,"type":"customDocumentProperty"},{"propertyName":"AdditionalInformation","propertyValue":"{{Form.AdditionalInformation}}","disableUpdates":false,"type":"customDocumentProperty"}],"templateName":"","templateDescription":"","enableDocumentContentUpdater":true,"version":"1.11"}]]></TemplafyTemplateConfiguration>
</file>

<file path=customXml/item9.xml><?xml version="1.0" encoding="utf-8"?>
<TemplafySlideTemplateConfiguration><![CDATA[{"slideVersion":0,"isValidatorEnabled":false,"isLocked":false,"elementsMetadata":[],"slideId":"637696682962458584","enableDocumentContentUpdater":true,"version":"1.11"}]]></TemplafySlideTemplateConfiguration>
</file>

<file path=customXml/itemProps1.xml><?xml version="1.0" encoding="utf-8"?>
<ds:datastoreItem xmlns:ds="http://schemas.openxmlformats.org/officeDocument/2006/customXml" ds:itemID="{5929562B-9E10-44E3-B5D0-551C659C1042}">
  <ds:schemaRefs>
    <ds:schemaRef ds:uri="http://schemas.microsoft.com/office/infopath/2007/PartnerControls"/>
    <ds:schemaRef ds:uri="http://purl.org/dc/terms/"/>
    <ds:schemaRef ds:uri="01d0714b-b3bf-482d-80a9-887c9ff32fe5"/>
    <ds:schemaRef ds:uri="http://schemas.microsoft.com/office/2006/documentManagement/types"/>
    <ds:schemaRef ds:uri="http://purl.org/dc/elements/1.1/"/>
    <ds:schemaRef ds:uri="http://schemas.openxmlformats.org/package/2006/metadata/core-properties"/>
    <ds:schemaRef ds:uri="25eeeb35-ba08-4de2-969d-876c23ac608c"/>
    <ds:schemaRef ds:uri="http://schemas.microsoft.com/office/2006/metadata/properties"/>
    <ds:schemaRef ds:uri="http://www.w3.org/XML/1998/namespace"/>
    <ds:schemaRef ds:uri="http://purl.org/dc/dcmitype/"/>
  </ds:schemaRefs>
</ds:datastoreItem>
</file>

<file path=customXml/itemProps10.xml><?xml version="1.0" encoding="utf-8"?>
<ds:datastoreItem xmlns:ds="http://schemas.openxmlformats.org/officeDocument/2006/customXml" ds:itemID="{D36F712B-A12E-4DDA-9081-217309D1B87C}">
  <ds:schemaRefs/>
</ds:datastoreItem>
</file>

<file path=customXml/itemProps11.xml><?xml version="1.0" encoding="utf-8"?>
<ds:datastoreItem xmlns:ds="http://schemas.openxmlformats.org/officeDocument/2006/customXml" ds:itemID="{522A1E9D-C8E9-4D29-957D-DEC63817FAEF}"/>
</file>

<file path=customXml/itemProps2.xml><?xml version="1.0" encoding="utf-8"?>
<ds:datastoreItem xmlns:ds="http://schemas.openxmlformats.org/officeDocument/2006/customXml" ds:itemID="{DBE6F138-6312-4AF5-8EAD-898D0DD04D6F}">
  <ds:schemaRefs/>
</ds:datastoreItem>
</file>

<file path=customXml/itemProps3.xml><?xml version="1.0" encoding="utf-8"?>
<ds:datastoreItem xmlns:ds="http://schemas.openxmlformats.org/officeDocument/2006/customXml" ds:itemID="{E3BF8C4F-6314-43F8-AF56-028B09E4F240}">
  <ds:schemaRefs/>
</ds:datastoreItem>
</file>

<file path=customXml/itemProps4.xml><?xml version="1.0" encoding="utf-8"?>
<ds:datastoreItem xmlns:ds="http://schemas.openxmlformats.org/officeDocument/2006/customXml" ds:itemID="{26D72AE1-5085-4423-A58D-B784B6069891}">
  <ds:schemaRefs/>
</ds:datastoreItem>
</file>

<file path=customXml/itemProps5.xml><?xml version="1.0" encoding="utf-8"?>
<ds:datastoreItem xmlns:ds="http://schemas.openxmlformats.org/officeDocument/2006/customXml" ds:itemID="{8A687498-D0FA-4DBD-9DD7-2B3252B66C2A}">
  <ds:schemaRefs/>
</ds:datastoreItem>
</file>

<file path=customXml/itemProps6.xml><?xml version="1.0" encoding="utf-8"?>
<ds:datastoreItem xmlns:ds="http://schemas.openxmlformats.org/officeDocument/2006/customXml" ds:itemID="{6A542D99-CFAE-45FF-815C-46E82196E5DF}"/>
</file>

<file path=customXml/itemProps7.xml><?xml version="1.0" encoding="utf-8"?>
<ds:datastoreItem xmlns:ds="http://schemas.openxmlformats.org/officeDocument/2006/customXml" ds:itemID="{B1AF7ABE-A022-43AF-B06E-44A4E0D7B2E0}">
  <ds:schemaRefs/>
</ds:datastoreItem>
</file>

<file path=customXml/itemProps8.xml><?xml version="1.0" encoding="utf-8"?>
<ds:datastoreItem xmlns:ds="http://schemas.openxmlformats.org/officeDocument/2006/customXml" ds:itemID="{1F601B52-E543-4F04-AC3D-890A39608928}">
  <ds:schemaRefs/>
</ds:datastoreItem>
</file>

<file path=customXml/itemProps9.xml><?xml version="1.0" encoding="utf-8"?>
<ds:datastoreItem xmlns:ds="http://schemas.openxmlformats.org/officeDocument/2006/customXml" ds:itemID="{504BA07A-D16F-45E7-BF44-8CDB2BEBA67A}">
  <ds:schemaRefs/>
</ds:datastoreItem>
</file>

<file path=docProps/app.xml><?xml version="1.0" encoding="utf-8"?>
<Properties xmlns="http://schemas.openxmlformats.org/officeDocument/2006/extended-properties" xmlns:vt="http://schemas.openxmlformats.org/officeDocument/2006/docPropsVTypes">
  <Template>JV Master Template_20200514</Template>
  <TotalTime>0</TotalTime>
  <Words>937</Words>
  <Application>Microsoft Office PowerPoint</Application>
  <PresentationFormat>Widescreen</PresentationFormat>
  <Paragraphs>156</Paragraphs>
  <Slides>12</Slides>
  <Notes>8</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2</vt:i4>
      </vt:variant>
    </vt:vector>
  </HeadingPairs>
  <TitlesOfParts>
    <vt:vector size="18" baseType="lpstr">
      <vt:lpstr>ABBvoice</vt:lpstr>
      <vt:lpstr>ABBvoiceOffice</vt:lpstr>
      <vt:lpstr>Arial</vt:lpstr>
      <vt:lpstr>Arial Nova Light</vt:lpstr>
      <vt:lpstr>Wingdings</vt:lpstr>
      <vt:lpstr>Hitachi ABB PowerPoint Template</vt:lpstr>
      <vt:lpstr>PowerPoint Presentation</vt:lpstr>
      <vt:lpstr>Energy Planning &amp; Trading (EPT)</vt:lpstr>
      <vt:lpstr>Agenda</vt:lpstr>
      <vt:lpstr>Future Uncertainty in Carbon Price </vt:lpstr>
      <vt:lpstr>Impact of Carbon Price on Electricity Prices in 2030</vt:lpstr>
      <vt:lpstr>Short Term Effect of Weather on Prices – Germany</vt:lpstr>
      <vt:lpstr>Short Term Effect of Weather on Prices – Spain</vt:lpstr>
      <vt:lpstr>Correlation Between Renewables Output and Electricity Prices – Spain </vt:lpstr>
      <vt:lpstr>Long-Term Effects of Weather </vt:lpstr>
      <vt:lpstr>Weather Impact on Renewables Yield and Demand</vt:lpstr>
      <vt:lpstr>Impact of Weather on Electricity Prices</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eather or not: the missing piece in the electricity markets puzzle of the future</dc:title>
  <dc:subject/>
  <dc:creator/>
  <cp:lastModifiedBy/>
  <cp:revision>1</cp:revision>
  <dcterms:created xsi:type="dcterms:W3CDTF">2020-06-23T10:42:45Z</dcterms:created>
  <dcterms:modified xsi:type="dcterms:W3CDTF">2021-12-08T08:51: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0-11-03T09:22:57.8630076Z</vt:lpwstr>
  </property>
  <property fmtid="{D5CDD505-2E9C-101B-9397-08002B2CF9AE}" pid="3" name="TemplafyTenantId">
    <vt:lpwstr>powergrids</vt:lpwstr>
  </property>
  <property fmtid="{D5CDD505-2E9C-101B-9397-08002B2CF9AE}" pid="4" name="TemplafyTemplateId">
    <vt:lpwstr>637285981016761036</vt:lpwstr>
  </property>
  <property fmtid="{D5CDD505-2E9C-101B-9397-08002B2CF9AE}" pid="5" name="TemplafyUserProfileId">
    <vt:lpwstr>637482998494077476</vt:lpwstr>
  </property>
  <property fmtid="{D5CDD505-2E9C-101B-9397-08002B2CF9AE}" pid="6" name="TemplafyLanguageCode">
    <vt:lpwstr>en-US</vt:lpwstr>
  </property>
  <property fmtid="{D5CDD505-2E9C-101B-9397-08002B2CF9AE}" pid="7" name="SecurityLevel">
    <vt:lpwstr>Internal</vt:lpwstr>
  </property>
  <property fmtid="{D5CDD505-2E9C-101B-9397-08002B2CF9AE}" pid="8" name="CreatorName">
    <vt:lpwstr>Sergey Skvortsov</vt:lpwstr>
  </property>
  <property fmtid="{D5CDD505-2E9C-101B-9397-08002B2CF9AE}" pid="9" name="DocumentKind">
    <vt:lpwstr>Presentation</vt:lpwstr>
  </property>
  <property fmtid="{D5CDD505-2E9C-101B-9397-08002B2CF9AE}" pid="10" name="DocumentId">
    <vt:lpwstr/>
  </property>
  <property fmtid="{D5CDD505-2E9C-101B-9397-08002B2CF9AE}" pid="11" name="SupplementaryTitle">
    <vt:lpwstr/>
  </property>
  <property fmtid="{D5CDD505-2E9C-101B-9397-08002B2CF9AE}" pid="12" name="DocumentTitle">
    <vt:lpwstr>Weather Scenarios Internal Webinar</vt:lpwstr>
  </property>
  <property fmtid="{D5CDD505-2E9C-101B-9397-08002B2CF9AE}" pid="13" name="CopyrightYear">
    <vt:lpwstr>2021</vt:lpwstr>
  </property>
  <property fmtid="{D5CDD505-2E9C-101B-9397-08002B2CF9AE}" pid="14" name="DocumentRevisionId">
    <vt:lpwstr>A</vt:lpwstr>
  </property>
  <property fmtid="{D5CDD505-2E9C-101B-9397-08002B2CF9AE}" pid="15" name="Date">
    <vt:lpwstr>2021-07-09</vt:lpwstr>
  </property>
  <property fmtid="{D5CDD505-2E9C-101B-9397-08002B2CF9AE}" pid="16" name="Eventanddate">
    <vt:lpwstr/>
  </property>
  <property fmtid="{D5CDD505-2E9C-101B-9397-08002B2CF9AE}" pid="17" name="PreparedByPerson">
    <vt:lpwstr>Sergey Skvortsov</vt:lpwstr>
  </property>
  <property fmtid="{D5CDD505-2E9C-101B-9397-08002B2CF9AE}" pid="18" name="AdditionalInformation">
    <vt:lpwstr/>
  </property>
  <property fmtid="{D5CDD505-2E9C-101B-9397-08002B2CF9AE}" pid="19" name="ContentTypeId">
    <vt:lpwstr>0x0101008D0782E7F42F994C9FC4B408C13BD025</vt:lpwstr>
  </property>
</Properties>
</file>